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</p:sldMasterIdLst>
  <p:sldIdLst>
    <p:sldId id="257" r:id="rId2"/>
    <p:sldId id="261" r:id="rId3"/>
    <p:sldId id="264" r:id="rId4"/>
    <p:sldId id="266" r:id="rId5"/>
    <p:sldId id="262" r:id="rId6"/>
    <p:sldId id="263" r:id="rId7"/>
    <p:sldId id="265" r:id="rId8"/>
  </p:sldIdLst>
  <p:sldSz cx="10058400" cy="7772400"/>
  <p:notesSz cx="6858000" cy="9144000"/>
  <p:custDataLst>
    <p:tags r:id="rId9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325" userDrawn="1">
          <p15:clr>
            <a:srgbClr val="A4A3A4"/>
          </p15:clr>
        </p15:guide>
        <p15:guide id="2" orient="horz" pos="2565" userDrawn="1">
          <p15:clr>
            <a:srgbClr val="A4A3A4"/>
          </p15:clr>
        </p15:guide>
        <p15:guide id="3" orient="horz" pos="2910" userDrawn="1">
          <p15:clr>
            <a:srgbClr val="A4A3A4"/>
          </p15:clr>
        </p15:guide>
        <p15:guide id="4" orient="horz" pos="4148" userDrawn="1">
          <p15:clr>
            <a:srgbClr val="A4A3A4"/>
          </p15:clr>
        </p15:guide>
        <p15:guide id="5" pos="2997" userDrawn="1">
          <p15:clr>
            <a:srgbClr val="A4A3A4"/>
          </p15:clr>
        </p15:guide>
        <p15:guide id="6" pos="334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2A5511E5-259E-45BB-A516-691DBCCCC062}" v="4548" dt="2025-11-12T19:01:48.268"/>
  </p1510:revLst>
</p1510:revInfo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chemeClr val="bg1">
                  <a:lumMod val="95000"/>
                </a:schemeClr>
              </a:solidFill>
            </a:ln>
          </a:left>
          <a:right>
            <a:ln w="0" cmpd="sng">
              <a:solidFill>
                <a:schemeClr val="bg1">
                  <a:lumMod val="95000"/>
                </a:schemeClr>
              </a:solidFill>
            </a:ln>
          </a:right>
          <a:top>
            <a:ln w="0" cmpd="sng">
              <a:solidFill>
                <a:schemeClr val="bg1">
                  <a:lumMod val="95000"/>
                </a:schemeClr>
              </a:solidFill>
            </a:ln>
          </a:top>
          <a:bottom>
            <a:ln w="0" cmpd="sng">
              <a:solidFill>
                <a:schemeClr val="bg1">
                  <a:lumMod val="95000"/>
                </a:schemeClr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bg1">
              <a:lumMod val="95000"/>
            </a:schemeClr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solidFill>
            <a:schemeClr val="bg1">
              <a:lumMod val="95000"/>
            </a:schemeClr>
          </a:solidFill>
        </a:fill>
      </a:tcStyle>
    </a:band1V>
    <a:band2V>
      <a:tcStyle>
        <a:tcBdr/>
        <a:fill>
          <a:solidFill>
            <a:schemeClr val="bg1">
              <a:lumMod val="85000"/>
            </a:schemeClr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>
      <p:cViewPr varScale="1">
        <p:scale>
          <a:sx n="95" d="100"/>
          <a:sy n="95" d="100"/>
        </p:scale>
        <p:origin x="1794" y="84"/>
      </p:cViewPr>
      <p:guideLst>
        <p:guide orient="horz" pos="1325"/>
        <p:guide orient="horz" pos="2565"/>
        <p:guide orient="horz" pos="2910"/>
        <p:guide orient="horz" pos="4148"/>
        <p:guide pos="2997"/>
        <p:guide pos="3341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viewProps" Target="viewProps.xml"/><Relationship Id="rId5" Type="http://schemas.openxmlformats.org/officeDocument/2006/relationships/slide" Target="slides/slide4.xml"/><Relationship Id="rId10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tags" Target="tags/tag1.xml"/><Relationship Id="rId14" Type="http://schemas.microsoft.com/office/2015/10/relationships/revisionInfo" Target="revisionInfo.xml"/></Relationship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21A09C5C-CC40-D616-24DE-01FC7E4A1128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475488" y="2916936"/>
            <a:ext cx="9107424" cy="557784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6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945585B2-EE39-A341-AF05-718945370F80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475488" y="3703320"/>
            <a:ext cx="1563624" cy="585216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5" name="CoverPageDateText">
            <a:extLst>
              <a:ext uri="{FF2B5EF4-FFF2-40B4-BE49-F238E27FC236}">
                <a16:creationId xmlns:a16="http://schemas.microsoft.com/office/drawing/2014/main" id="{FAA8C344-1CB2-A7D1-C0E9-EE74029EBF10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2048256" y="3703320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| March 2021</a:t>
            </a:r>
          </a:p>
        </p:txBody>
      </p:sp>
      <p:pic>
        <p:nvPicPr>
          <p:cNvPr id="7" name="BrandLogo">
            <a:extLst>
              <a:ext uri="{FF2B5EF4-FFF2-40B4-BE49-F238E27FC236}">
                <a16:creationId xmlns:a16="http://schemas.microsoft.com/office/drawing/2014/main" id="{D7EF8414-07D3-F08C-DF1B-C04C38ADD0B1}"/>
              </a:ext>
            </a:extLst>
          </p:cNvPr>
          <p:cNvPicPr>
            <a:picLocks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484632" y="475488"/>
            <a:ext cx="1591056" cy="320040"/>
          </a:xfrm>
          <a:prstGeom prst="rect">
            <a:avLst/>
          </a:prstGeom>
        </p:spPr>
      </p:pic>
      <p:sp>
        <p:nvSpPr>
          <p:cNvPr id="8" name="GradientBar">
            <a:extLst>
              <a:ext uri="{FF2B5EF4-FFF2-40B4-BE49-F238E27FC236}">
                <a16:creationId xmlns:a16="http://schemas.microsoft.com/office/drawing/2014/main" id="{E9D8AB60-7540-114B-F022-9316A203A592}"/>
              </a:ext>
            </a:extLst>
          </p:cNvPr>
          <p:cNvSpPr txBox="1"/>
          <p:nvPr userDrawn="1"/>
        </p:nvSpPr>
        <p:spPr>
          <a:xfrm>
            <a:off x="0" y="7287768"/>
            <a:ext cx="10058400" cy="4572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9" name="ConfidentialInternal">
            <a:extLst>
              <a:ext uri="{FF2B5EF4-FFF2-40B4-BE49-F238E27FC236}">
                <a16:creationId xmlns:a16="http://schemas.microsoft.com/office/drawing/2014/main" id="{25FE1E9C-A13A-0E09-D596-9B335FB08C24}"/>
              </a:ext>
            </a:extLst>
          </p:cNvPr>
          <p:cNvSpPr txBox="1"/>
          <p:nvPr userDrawn="1"/>
        </p:nvSpPr>
        <p:spPr>
          <a:xfrm>
            <a:off x="475488" y="7443216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l">
              <a:lnSpc>
                <a:spcPct val="110000"/>
              </a:lnSpc>
            </a:pPr>
            <a:endParaRPr lang="en-US" sz="800" b="0" i="0" cap="all" spc="21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67156599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op marble fill with no accent bar">
    <p:bg>
      <p:bgPr>
        <a:blipFill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38ED25C-0009-F4B7-34D9-6AA2A7BDEA1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5" name="TopBar">
            <a:extLst>
              <a:ext uri="{FF2B5EF4-FFF2-40B4-BE49-F238E27FC236}">
                <a16:creationId xmlns:a16="http://schemas.microsoft.com/office/drawing/2014/main" id="{3B93AB60-55A9-B033-AE33-3FF0277A51F8}"/>
              </a:ext>
            </a:extLst>
          </p:cNvPr>
          <p:cNvSpPr txBox="1"/>
          <p:nvPr userDrawn="1"/>
        </p:nvSpPr>
        <p:spPr>
          <a:xfrm>
            <a:off x="475488" y="466344"/>
            <a:ext cx="1435608" cy="45720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>
              <a:solidFill>
                <a:schemeClr val="tx2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4283527839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op marble fill">
    <p:bg>
      <p:bgPr>
        <a:blipFill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7F9AFFE-9F59-515B-D03C-8110CBF48FF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72906418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ull marble fill with accent bar">
    <p:bg>
      <p:bgPr>
        <a:blipFill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E859935-40DF-7CB0-0B1B-6181B83F179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730919519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Right marble one third fill">
    <p:bg>
      <p:bgPr>
        <a:blipFill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05FD197-64FC-C1AD-B92F-5C1BFD1F324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13464064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9CD6DA8-C3EC-F96D-24E4-4453EB0CEBD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AE373832-3152-DC25-6060-C0AC61E3EA4C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>
            <a:extLst>
              <a:ext uri="{FF2B5EF4-FFF2-40B4-BE49-F238E27FC236}">
                <a16:creationId xmlns:a16="http://schemas.microsoft.com/office/drawing/2014/main" id="{3DEB4FDA-4573-778E-730B-BE1E4118E900}"/>
              </a:ext>
            </a:extLst>
          </p:cNvPr>
          <p:cNvSpPr>
            <a:spLocks noGrp="1"/>
          </p:cNvSpPr>
          <p:nvPr>
            <p:ph type="subTitle" sz="quarter" idx="11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674170107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 No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B03BE7C-E23C-FD92-EDC9-A8C3B064F10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A5D2095D-6A8C-6840-A5A1-D9052B50CAB6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1801368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58108062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DA2D483-1F37-030E-C3BC-82202FD3EEA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F235EE51-9377-2371-853B-424E18DD1C79}"/>
              </a:ext>
            </a:extLst>
          </p:cNvPr>
          <p:cNvSpPr>
            <a:spLocks noGrp="1"/>
          </p:cNvSpPr>
          <p:nvPr>
            <p:ph type="body" idx="10"/>
          </p:nvPr>
        </p:nvSpPr>
        <p:spPr>
          <a:xfrm>
            <a:off x="475488" y="1801368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745599169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2514AD9-7821-E913-3CFD-AFD78B1514A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08F502D3-0271-AB73-6841-D4FE84E11F83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F2BDFA4F-7294-3345-8B07-9452824AA843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>
            <a:extLst>
              <a:ext uri="{FF2B5EF4-FFF2-40B4-BE49-F238E27FC236}">
                <a16:creationId xmlns:a16="http://schemas.microsoft.com/office/drawing/2014/main" id="{B70C7D23-8435-1DAA-150A-0AD507EAC567}"/>
              </a:ext>
            </a:extLst>
          </p:cNvPr>
          <p:cNvSpPr>
            <a:spLocks noGrp="1"/>
          </p:cNvSpPr>
          <p:nvPr>
            <p:ph type="subTitle" sz="quarter" idx="12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790084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B2E821F-72C8-8A76-AD75-6CC600B2A8B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C899D75A-1BC7-7F70-2BB6-7AE6223FE858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FC7410E7-6F28-0ACC-13BD-FF1160A467E1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1A386D2A-91B3-0743-7726-1B057FE3F990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2CCF5DB9-089F-FC68-0DE4-DFA3333A4BDC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99982959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59628AD-186E-24FB-46C9-A554F8AE09D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A4475AF8-1F49-D987-8DEB-84BC84FC0092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A1BE552C-A8C1-CDBB-4458-49D7E622B777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619B2E6F-A009-3350-0D4F-65F855D74495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5303520" y="2103120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FE2DE344-0249-B765-DACA-FD8DA581A63E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0270445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D4645A72-8940-5ECE-03D9-5A38BB8C4A40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475488" y="1179576"/>
            <a:ext cx="5358384" cy="2295144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6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6FA77442-FF3E-408F-3DC7-18E870D4BD87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475488" y="3703320"/>
            <a:ext cx="1563624" cy="585216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5" name="CoverPageDateText">
            <a:extLst>
              <a:ext uri="{FF2B5EF4-FFF2-40B4-BE49-F238E27FC236}">
                <a16:creationId xmlns:a16="http://schemas.microsoft.com/office/drawing/2014/main" id="{F0DE9B36-5E7D-CE23-5C79-1FB0E9478620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2304288" y="7424928"/>
            <a:ext cx="3008376" cy="219456"/>
          </a:xfrm>
          <a:prstGeom prst="rect">
            <a:avLst/>
          </a:prstGeom>
        </p:spPr>
        <p:txBody>
          <a:bodyPr vert="horz" wrap="none" lIns="0" tIns="0" rIns="0" bIns="45720" anchor="b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| March 2021</a:t>
            </a:r>
          </a:p>
        </p:txBody>
      </p:sp>
      <p:pic>
        <p:nvPicPr>
          <p:cNvPr id="7" name="BrandLogo">
            <a:extLst>
              <a:ext uri="{FF2B5EF4-FFF2-40B4-BE49-F238E27FC236}">
                <a16:creationId xmlns:a16="http://schemas.microsoft.com/office/drawing/2014/main" id="{A5FECCC9-6BF8-08F5-2F91-730FEFFCD755}"/>
              </a:ext>
            </a:extLst>
          </p:cNvPr>
          <p:cNvPicPr>
            <a:picLocks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484632" y="475488"/>
            <a:ext cx="1591056" cy="320040"/>
          </a:xfrm>
          <a:prstGeom prst="rect">
            <a:avLst/>
          </a:prstGeom>
        </p:spPr>
      </p:pic>
      <p:sp>
        <p:nvSpPr>
          <p:cNvPr id="8" name="CoverGraphic">
            <a:extLst>
              <a:ext uri="{FF2B5EF4-FFF2-40B4-BE49-F238E27FC236}">
                <a16:creationId xmlns:a16="http://schemas.microsoft.com/office/drawing/2014/main" id="{14512A8E-C8B8-A002-AB33-014B20CC2F14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6620256" y="0"/>
            <a:ext cx="3429000" cy="7772400"/>
          </a:xfrm>
          <a:prstGeom prst="rect">
            <a:avLst/>
          </a:prstGeom>
        </p:spPr>
        <p:txBody>
          <a:bodyPr vert="horz" wrap="square" lIns="0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9" name="GradientBar">
            <a:extLst>
              <a:ext uri="{FF2B5EF4-FFF2-40B4-BE49-F238E27FC236}">
                <a16:creationId xmlns:a16="http://schemas.microsoft.com/office/drawing/2014/main" id="{542C4C8A-9063-4072-07D1-A53FF8B234FC}"/>
              </a:ext>
            </a:extLst>
          </p:cNvPr>
          <p:cNvSpPr txBox="1"/>
          <p:nvPr userDrawn="1"/>
        </p:nvSpPr>
        <p:spPr>
          <a:xfrm>
            <a:off x="6510528" y="0"/>
            <a:ext cx="109728" cy="777240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540000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10" name="ConfidentialInternal">
            <a:extLst>
              <a:ext uri="{FF2B5EF4-FFF2-40B4-BE49-F238E27FC236}">
                <a16:creationId xmlns:a16="http://schemas.microsoft.com/office/drawing/2014/main" id="{057C899D-9B3B-7BC8-151D-4145F7FE0AF0}"/>
              </a:ext>
            </a:extLst>
          </p:cNvPr>
          <p:cNvSpPr txBox="1"/>
          <p:nvPr userDrawn="1"/>
        </p:nvSpPr>
        <p:spPr>
          <a:xfrm>
            <a:off x="475488" y="7442085"/>
            <a:ext cx="65" cy="202299"/>
          </a:xfrm>
          <a:prstGeom prst="rect">
            <a:avLst/>
          </a:prstGeom>
          <a:noFill/>
        </p:spPr>
        <p:txBody>
          <a:bodyPr vert="horz" wrap="none" lIns="0" tIns="0" rIns="0" bIns="45720" rtlCol="0" anchor="b">
            <a:spAutoFit/>
          </a:bodyPr>
          <a:lstStyle/>
          <a:p>
            <a:pPr algn="l">
              <a:lnSpc>
                <a:spcPct val="110000"/>
              </a:lnSpc>
            </a:pPr>
            <a:endParaRPr lang="en-US" sz="1000" b="0" i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34114250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C855F82-6BB8-9326-CF77-461A15A050E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641956FC-B0F6-0B44-F044-9EB764D982E5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0D1CECC5-EFB7-C734-438D-73998DF6A736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B4345958-2EB3-57C2-05D2-2925F4B342AB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11AFB362-2CDE-9D23-BA6E-93F6AC27ADA0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>
            <a:extLst>
              <a:ext uri="{FF2B5EF4-FFF2-40B4-BE49-F238E27FC236}">
                <a16:creationId xmlns:a16="http://schemas.microsoft.com/office/drawing/2014/main" id="{86A11220-D9B9-3A33-7356-F58247A6DA25}"/>
              </a:ext>
            </a:extLst>
          </p:cNvPr>
          <p:cNvSpPr>
            <a:spLocks noGrp="1"/>
          </p:cNvSpPr>
          <p:nvPr>
            <p:ph type="subTitle" sz="quarter" idx="14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88696478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B77E3EEE-A07F-D70A-1CA0-D26C035DA7E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752D72A9-ED58-EE07-34CD-4964062A1547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906DD1D5-0CE4-A052-026A-3839E299A5AE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>
            <a:extLst>
              <a:ext uri="{FF2B5EF4-FFF2-40B4-BE49-F238E27FC236}">
                <a16:creationId xmlns:a16="http://schemas.microsoft.com/office/drawing/2014/main" id="{81827A04-ACD0-8FDC-1B15-1F14040B152A}"/>
              </a:ext>
            </a:extLst>
          </p:cNvPr>
          <p:cNvSpPr>
            <a:spLocks noGrp="1"/>
          </p:cNvSpPr>
          <p:nvPr>
            <p:ph type="subTitle" sz="quarter" idx="12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152446304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A451578-9B5E-F376-6A3F-7651BE8C7AA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8BD0254D-9A2D-D524-FFF7-CEE279751650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2E8F7F76-5BBC-3009-5ABF-FDEC3E009847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D1938382-CCEA-7603-103B-88F806DC1786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CD20406B-C2E4-7403-BE8D-F0DC20943825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49521617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E96EA1B-0933-76C0-5256-5B553A004BB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C5229206-09C1-C921-8425-0B1C92D167C2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4A903A36-AE71-B556-3C94-58C1FC6EF179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FCF24358-5437-970C-0272-2CF1F5656F4D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475488" y="4617720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9A4AEFE6-6D7C-6041-8A7E-5E0E493B858B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56996364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84862FF-48BB-8BEF-42E8-A87A84E845A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>
            <a:extLst>
              <a:ext uri="{FF2B5EF4-FFF2-40B4-BE49-F238E27FC236}">
                <a16:creationId xmlns:a16="http://schemas.microsoft.com/office/drawing/2014/main" id="{AE01BCE7-04D9-2DE7-95CE-3D255A88C880}"/>
              </a:ext>
            </a:extLst>
          </p:cNvPr>
          <p:cNvSpPr>
            <a:spLocks noGrp="1"/>
          </p:cNvSpPr>
          <p:nvPr>
            <p:ph type="subTitle" idx="10" hasCustomPrompt="1"/>
          </p:nvPr>
        </p:nvSpPr>
        <p:spPr>
          <a:xfrm>
            <a:off x="475488" y="1325880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784753271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407791481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8C3BBA10-01E0-ECEB-3115-47DB7A48D04C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475488" y="2084832"/>
            <a:ext cx="5394960" cy="2121408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Section Divider Slide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127210C5-FA39-F5A2-460A-2894251169DC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475488" y="4343400"/>
            <a:ext cx="5394960" cy="758952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sp>
        <p:nvSpPr>
          <p:cNvPr id="7" name="CoverGraphicNoImage">
            <a:extLst>
              <a:ext uri="{FF2B5EF4-FFF2-40B4-BE49-F238E27FC236}">
                <a16:creationId xmlns:a16="http://schemas.microsoft.com/office/drawing/2014/main" id="{41B918BA-4085-34CA-2BD1-A295C367F9F1}"/>
              </a:ext>
            </a:extLst>
          </p:cNvPr>
          <p:cNvSpPr txBox="1"/>
          <p:nvPr userDrawn="1"/>
        </p:nvSpPr>
        <p:spPr>
          <a:xfrm>
            <a:off x="6620256" y="0"/>
            <a:ext cx="3429000" cy="7772400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8" name="GradientBar">
            <a:extLst>
              <a:ext uri="{FF2B5EF4-FFF2-40B4-BE49-F238E27FC236}">
                <a16:creationId xmlns:a16="http://schemas.microsoft.com/office/drawing/2014/main" id="{869BC0E9-AB48-646D-D153-21E7FB38C318}"/>
              </a:ext>
            </a:extLst>
          </p:cNvPr>
          <p:cNvSpPr txBox="1"/>
          <p:nvPr userDrawn="1"/>
        </p:nvSpPr>
        <p:spPr>
          <a:xfrm>
            <a:off x="6510528" y="0"/>
            <a:ext cx="109728" cy="777240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540000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9" name="SectionGraphic">
            <a:extLst>
              <a:ext uri="{FF2B5EF4-FFF2-40B4-BE49-F238E27FC236}">
                <a16:creationId xmlns:a16="http://schemas.microsoft.com/office/drawing/2014/main" id="{39916F44-17CF-AA2B-08F8-544C3A0F18AD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6620256" y="0"/>
            <a:ext cx="3438144" cy="7772400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9EA3611E-2DB5-8145-D4C5-45DF3535F966}"/>
              </a:ext>
            </a:extLst>
          </p:cNvPr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484632" y="475488"/>
            <a:ext cx="2304288" cy="329184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20090643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>
            <a:extLst>
              <a:ext uri="{FF2B5EF4-FFF2-40B4-BE49-F238E27FC236}">
                <a16:creationId xmlns:a16="http://schemas.microsoft.com/office/drawing/2014/main" id="{D4DC1EFC-D948-22A9-CE3C-82094877CA01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475488" y="621792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2200" b="0" i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>
            <a:extLst>
              <a:ext uri="{FF2B5EF4-FFF2-40B4-BE49-F238E27FC236}">
                <a16:creationId xmlns:a16="http://schemas.microsoft.com/office/drawing/2014/main" id="{31180106-25A2-C6D9-E2F9-2EB3F1762DAC}"/>
              </a:ext>
            </a:extLst>
          </p:cNvPr>
          <p:cNvSpPr txBox="1"/>
          <p:nvPr userDrawn="1">
            <p:custDataLst>
              <p:tags r:id="rId2"/>
            </p:custDataLst>
          </p:nvPr>
        </p:nvSpPr>
        <p:spPr>
          <a:xfrm>
            <a:off x="9193382" y="1673352"/>
            <a:ext cx="389529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1300" b="0" i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>
            <a:extLst>
              <a:ext uri="{FF2B5EF4-FFF2-40B4-BE49-F238E27FC236}">
                <a16:creationId xmlns:a16="http://schemas.microsoft.com/office/drawing/2014/main" id="{854CF890-A8E3-04B3-16A1-BBF883143DD7}"/>
              </a:ext>
            </a:extLst>
          </p:cNvPr>
          <p:cNvSpPr>
            <a:spLocks noGrp="1"/>
          </p:cNvSpPr>
          <p:nvPr>
            <p:ph type="tbl" idx="10"/>
          </p:nvPr>
        </p:nvSpPr>
        <p:spPr>
          <a:xfrm>
            <a:off x="457200" y="2039112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421060099"/>
      </p:ext>
    </p:extLst>
  </p:cSld>
  <p:clrMapOvr>
    <a:masterClrMapping/>
  </p:clrMapOvr>
  <p:hf sldNum="0" hdr="0" dt="0"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723737F-E5A7-69A3-FFBB-EA90E19FD8B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138E67FD-DB3F-7FF6-1D97-9BC020D67122}"/>
              </a:ext>
            </a:extLst>
          </p:cNvPr>
          <p:cNvSpPr>
            <a:spLocks noGrp="1"/>
          </p:cNvSpPr>
          <p:nvPr>
            <p:ph type="body" idx="10"/>
          </p:nvPr>
        </p:nvSpPr>
        <p:spPr>
          <a:xfrm>
            <a:off x="475488" y="1801368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701083723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D514B23-F0B2-0D30-0A66-4AB72D2A3A5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8EE2AA2C-158C-3605-93B1-B0E793AAB8E0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2103120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F50BE9AB-8485-5EBC-3B0A-DCD3D8AA9F6C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3602736" y="2103120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5A4C2D6C-30F1-BDA3-43E3-12DB63B5972C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6729984" y="2103120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5B387472-1237-3217-54F1-D6140627DF9C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6632371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fidentialInternal">
            <a:extLst>
              <a:ext uri="{FF2B5EF4-FFF2-40B4-BE49-F238E27FC236}">
                <a16:creationId xmlns:a16="http://schemas.microsoft.com/office/drawing/2014/main" id="{89C85DE2-A030-C031-0ADC-2E8AE0A4C848}"/>
              </a:ext>
            </a:extLst>
          </p:cNvPr>
          <p:cNvSpPr txBox="1"/>
          <p:nvPr userDrawn="1"/>
        </p:nvSpPr>
        <p:spPr>
          <a:xfrm>
            <a:off x="1444752" y="6665976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US" sz="800" b="0" i="0" cap="all" spc="21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4" name="Freeform 8">
            <a:extLst>
              <a:ext uri="{FF2B5EF4-FFF2-40B4-BE49-F238E27FC236}">
                <a16:creationId xmlns:a16="http://schemas.microsoft.com/office/drawing/2014/main" id="{3AD97797-C43E-76C0-70A6-6D3FA5E1DA6F}"/>
              </a:ext>
            </a:extLst>
          </p:cNvPr>
          <p:cNvSpPr>
            <a:spLocks noGrp="1"/>
          </p:cNvSpPr>
          <p:nvPr>
            <p:ph type="pic" idx="10"/>
          </p:nvPr>
        </p:nvSpPr>
        <p:spPr>
          <a:xfrm>
            <a:off x="0" y="0"/>
            <a:ext cx="10058400" cy="7772400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Rectangle 7">
            <a:extLst>
              <a:ext uri="{FF2B5EF4-FFF2-40B4-BE49-F238E27FC236}">
                <a16:creationId xmlns:a16="http://schemas.microsoft.com/office/drawing/2014/main" id="{5AF3849C-6771-9422-1F0F-EB975216BFA4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8997696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Rectangle 4">
            <a:extLst>
              <a:ext uri="{FF2B5EF4-FFF2-40B4-BE49-F238E27FC236}">
                <a16:creationId xmlns:a16="http://schemas.microsoft.com/office/drawing/2014/main" id="{AE4AE86E-7822-BC2B-72FE-AE00DDB2F9C3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067544" cy="1060704"/>
          </a:xfrm>
          <a:prstGeom prst="rect">
            <a:avLst/>
          </a:prstGeom>
          <a:solidFill>
            <a:srgbClr val="FFFFFF"/>
          </a:solidFill>
        </p:spPr>
        <p:txBody>
          <a:bodyPr vert="horz" wrap="none" lIns="0" tIns="0" rIns="0" bIns="0" anchor="ctr">
            <a:noAutofit/>
          </a:bodyPr>
          <a:lstStyle>
            <a:lvl1pPr marL="3175" indent="0" algn="l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7" name="PlaceholderDate">
            <a:extLst>
              <a:ext uri="{FF2B5EF4-FFF2-40B4-BE49-F238E27FC236}">
                <a16:creationId xmlns:a16="http://schemas.microsoft.com/office/drawing/2014/main" id="{12C3FC40-521C-9C46-6941-CD64AAE3DEBB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8" name="PlaceholderTitle">
            <a:extLst>
              <a:ext uri="{FF2B5EF4-FFF2-40B4-BE49-F238E27FC236}">
                <a16:creationId xmlns:a16="http://schemas.microsoft.com/office/drawing/2014/main" id="{439C6353-1A56-4193-A7EA-AA5C7DCBA97B}"/>
              </a:ext>
            </a:extLst>
          </p:cNvPr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970223041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B8ECA448-FB84-DE6B-A95B-2FD54B8786A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6F2BEDC4-EA90-A3CE-F773-DA590A7F18C6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1920240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1C4A77FB-45D5-6F51-51D1-C193BEA31AB3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75488" y="3593592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AC5CFCC6-0D89-0CD5-C96D-FA1867EACF81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475488" y="527608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DD4BA68F-1EE8-E0B5-5FBA-47F3FE997BCD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23335836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B8DC696-671E-AE52-CA20-1398DD9D819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C5148682-6BA4-95BF-0D82-A5A4E3A78CC7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1920240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46A8F231-B9C7-5AB1-80A0-E44D1C852348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75488" y="3593592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34BBA9D4-BE6F-B095-36F2-E40E40A79B8E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475488" y="527608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F1D003BF-750A-F4B2-2761-DB4BDDD765DA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5303520" y="192024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F74000C5-6E22-DE18-C813-7E092152D9D7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5303520" y="3593592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57385AAB-205C-9914-D6B5-BC96771EF24D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5303520" y="527608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>
            <a:extLst>
              <a:ext uri="{FF2B5EF4-FFF2-40B4-BE49-F238E27FC236}">
                <a16:creationId xmlns:a16="http://schemas.microsoft.com/office/drawing/2014/main" id="{6E528E6D-7B85-0AAF-CC44-CF57071246C1}"/>
              </a:ext>
            </a:extLst>
          </p:cNvPr>
          <p:cNvSpPr>
            <a:spLocks noGrp="1"/>
          </p:cNvSpPr>
          <p:nvPr>
            <p:ph type="subTitle" sz="quarter" idx="16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001024873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2FA06AD-4A94-8ED9-BDB5-91486BDD9A8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EFA793B4-E39A-D5E2-4DE9-DDE5ECDC64CE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2103120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43CCCAB2-8EF2-2FBB-D26B-E1472B345AC4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3602736" y="21031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3FE8ECB5-34F1-DD5B-1A65-18CE6E68D81B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6729984" y="21031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0FCD8A31-FF46-5C9F-6C9B-38831F5D8CA2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475488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EFAB3755-5992-9892-EEDA-EB41FFEDF5FB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3602736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0CEBFB4E-4750-2FA0-A494-FD5B09496445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6729984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>
            <a:extLst>
              <a:ext uri="{FF2B5EF4-FFF2-40B4-BE49-F238E27FC236}">
                <a16:creationId xmlns:a16="http://schemas.microsoft.com/office/drawing/2014/main" id="{DDB749C5-DBD6-E3A6-5FA1-4BDEBBDBC992}"/>
              </a:ext>
            </a:extLst>
          </p:cNvPr>
          <p:cNvSpPr>
            <a:spLocks noGrp="1"/>
          </p:cNvSpPr>
          <p:nvPr>
            <p:ph type="subTitle" sz="quarter" idx="16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197909555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529CB31-39B6-5EF8-F00E-579BF3A5A28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3655425B-7212-EEE3-914A-62852EF4C14C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8" y="2103120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EBA4743F-7F29-5BF4-3172-12FC4F66AA63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2798064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4DEB2A7C-3F4D-E004-4A0E-DC48663DF27E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5120640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3B95804A-0320-92B7-5EAE-6F612D06DA2E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7443216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0FCC4F19-71E0-6AEB-EF7A-4801F0837825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475488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BA680F91-6424-8118-9A9F-7028A6649F36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2798064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>
            <a:extLst>
              <a:ext uri="{FF2B5EF4-FFF2-40B4-BE49-F238E27FC236}">
                <a16:creationId xmlns:a16="http://schemas.microsoft.com/office/drawing/2014/main" id="{116EC9CF-6E55-0BC9-3A76-3A5EB8024BBD}"/>
              </a:ext>
            </a:extLst>
          </p:cNvPr>
          <p:cNvSpPr>
            <a:spLocks noGrp="1"/>
          </p:cNvSpPr>
          <p:nvPr>
            <p:ph sz="quarter" idx="16"/>
          </p:nvPr>
        </p:nvSpPr>
        <p:spPr>
          <a:xfrm>
            <a:off x="5120640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>
            <a:extLst>
              <a:ext uri="{FF2B5EF4-FFF2-40B4-BE49-F238E27FC236}">
                <a16:creationId xmlns:a16="http://schemas.microsoft.com/office/drawing/2014/main" id="{80242687-51D0-17C5-8AC3-6BF9C62735D9}"/>
              </a:ext>
            </a:extLst>
          </p:cNvPr>
          <p:cNvSpPr>
            <a:spLocks noGrp="1"/>
          </p:cNvSpPr>
          <p:nvPr>
            <p:ph sz="quarter" idx="17"/>
          </p:nvPr>
        </p:nvSpPr>
        <p:spPr>
          <a:xfrm>
            <a:off x="7443216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>
            <a:extLst>
              <a:ext uri="{FF2B5EF4-FFF2-40B4-BE49-F238E27FC236}">
                <a16:creationId xmlns:a16="http://schemas.microsoft.com/office/drawing/2014/main" id="{7B500504-F8B6-C06C-F782-E791BD8F04C4}"/>
              </a:ext>
            </a:extLst>
          </p:cNvPr>
          <p:cNvSpPr>
            <a:spLocks noGrp="1"/>
          </p:cNvSpPr>
          <p:nvPr>
            <p:ph type="subTitle" sz="quarter" idx="18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49052799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CD276FE-30F1-5DAA-B8A9-F4BD4D676D4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>
            <a:extLst>
              <a:ext uri="{FF2B5EF4-FFF2-40B4-BE49-F238E27FC236}">
                <a16:creationId xmlns:a16="http://schemas.microsoft.com/office/drawing/2014/main" id="{B3A917E1-17C2-58F2-C7F6-F20F7C015925}"/>
              </a:ext>
            </a:extLst>
          </p:cNvPr>
          <p:cNvSpPr>
            <a:spLocks noGrp="1"/>
          </p:cNvSpPr>
          <p:nvPr>
            <p:ph type="subTitle" idx="10" hasCustomPrompt="1"/>
          </p:nvPr>
        </p:nvSpPr>
        <p:spPr>
          <a:xfrm>
            <a:off x="475488" y="1325880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>
            <a:extLst>
              <a:ext uri="{FF2B5EF4-FFF2-40B4-BE49-F238E27FC236}">
                <a16:creationId xmlns:a16="http://schemas.microsoft.com/office/drawing/2014/main" id="{7F4A0E4A-F6AE-FF4C-5890-EB6CE9ADD395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75488" y="2103120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>
            <a:extLst>
              <a:ext uri="{FF2B5EF4-FFF2-40B4-BE49-F238E27FC236}">
                <a16:creationId xmlns:a16="http://schemas.microsoft.com/office/drawing/2014/main" id="{5B03BB0E-0C52-D633-419B-F259FD8346A0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3108960" y="2103120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>
            <a:extLst>
              <a:ext uri="{FF2B5EF4-FFF2-40B4-BE49-F238E27FC236}">
                <a16:creationId xmlns:a16="http://schemas.microsoft.com/office/drawing/2014/main" id="{6A7C8CDC-FCBE-9021-5818-15A44FEB5557}"/>
              </a:ext>
            </a:extLst>
          </p:cNvPr>
          <p:cNvCxnSpPr>
            <a:cxnSpLocks/>
          </p:cNvCxnSpPr>
          <p:nvPr userDrawn="1"/>
        </p:nvCxnSpPr>
        <p:spPr>
          <a:xfrm>
            <a:off x="2889504" y="2103120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93168930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fidentialInternal">
            <a:extLst>
              <a:ext uri="{FF2B5EF4-FFF2-40B4-BE49-F238E27FC236}">
                <a16:creationId xmlns:a16="http://schemas.microsoft.com/office/drawing/2014/main" id="{BF2A2D2C-A2FD-493A-7AB0-3B991025EB26}"/>
              </a:ext>
            </a:extLst>
          </p:cNvPr>
          <p:cNvSpPr txBox="1"/>
          <p:nvPr userDrawn="1"/>
        </p:nvSpPr>
        <p:spPr>
          <a:xfrm>
            <a:off x="1444752" y="6894576"/>
            <a:ext cx="7178040" cy="21945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US" sz="800" b="0" i="0" cap="all" spc="21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4" name="Freeform 8">
            <a:extLst>
              <a:ext uri="{FF2B5EF4-FFF2-40B4-BE49-F238E27FC236}">
                <a16:creationId xmlns:a16="http://schemas.microsoft.com/office/drawing/2014/main" id="{92FB3FCD-F8BE-D6CF-EFA5-D6FE34FDF719}"/>
              </a:ext>
            </a:extLst>
          </p:cNvPr>
          <p:cNvSpPr>
            <a:spLocks noGrp="1"/>
          </p:cNvSpPr>
          <p:nvPr>
            <p:ph type="pic" idx="10" hasCustomPrompt="1"/>
          </p:nvPr>
        </p:nvSpPr>
        <p:spPr>
          <a:xfrm>
            <a:off x="224028" y="256032"/>
            <a:ext cx="9619489" cy="7251192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5" name="Rectangle 6">
            <a:extLst>
              <a:ext uri="{FF2B5EF4-FFF2-40B4-BE49-F238E27FC236}">
                <a16:creationId xmlns:a16="http://schemas.microsoft.com/office/drawing/2014/main" id="{C0B97FFB-C340-A1A3-FDA5-4A48F795B3D7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228600" y="2971800"/>
            <a:ext cx="8997696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Rectangle 3">
            <a:extLst>
              <a:ext uri="{FF2B5EF4-FFF2-40B4-BE49-F238E27FC236}">
                <a16:creationId xmlns:a16="http://schemas.microsoft.com/office/drawing/2014/main" id="{E54CE86D-89BB-1991-C89E-8C49103C412B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228600" y="6016752"/>
            <a:ext cx="9628632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7" name="PlaceholderDate">
            <a:extLst>
              <a:ext uri="{FF2B5EF4-FFF2-40B4-BE49-F238E27FC236}">
                <a16:creationId xmlns:a16="http://schemas.microsoft.com/office/drawing/2014/main" id="{AC5B61A2-6A17-3CB0-E0F7-59C010E88C02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544982" y="3575304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8" name="PlaceholderTitle">
            <a:extLst>
              <a:ext uri="{FF2B5EF4-FFF2-40B4-BE49-F238E27FC236}">
                <a16:creationId xmlns:a16="http://schemas.microsoft.com/office/drawing/2014/main" id="{B43EE837-CAA5-5E0E-D7D4-0EFB3E5E4CA4}"/>
              </a:ext>
            </a:extLst>
          </p:cNvPr>
          <p:cNvSpPr>
            <a:spLocks noGrp="1"/>
          </p:cNvSpPr>
          <p:nvPr>
            <p:ph type="title" idx="14" hasCustomPrompt="1"/>
          </p:nvPr>
        </p:nvSpPr>
        <p:spPr>
          <a:xfrm>
            <a:off x="544982" y="3181198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129523418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lide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EE1450A-A8AB-F05A-EAD2-5F3C0910678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860515050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Left marble fill two thirds titanium with no accent bar">
    <p:bg>
      <p:bgPr>
        <a:blipFill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opBar">
            <a:extLst>
              <a:ext uri="{FF2B5EF4-FFF2-40B4-BE49-F238E27FC236}">
                <a16:creationId xmlns:a16="http://schemas.microsoft.com/office/drawing/2014/main" id="{311AE19A-A033-34CE-4431-87202DD83E01}"/>
              </a:ext>
            </a:extLst>
          </p:cNvPr>
          <p:cNvSpPr txBox="1"/>
          <p:nvPr userDrawn="1"/>
        </p:nvSpPr>
        <p:spPr>
          <a:xfrm>
            <a:off x="475488" y="466344"/>
            <a:ext cx="1435608" cy="45720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6" name="PlaceholderTitle">
            <a:extLst>
              <a:ext uri="{FF2B5EF4-FFF2-40B4-BE49-F238E27FC236}">
                <a16:creationId xmlns:a16="http://schemas.microsoft.com/office/drawing/2014/main" id="{6DED3457-03B2-1CA8-5B33-FB54107FEE71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475488" y="3054096"/>
            <a:ext cx="2020824" cy="685800"/>
          </a:xfrm>
        </p:spPr>
        <p:txBody>
          <a:bodyPr vert="horz" wrap="square" lIns="0" tIns="0" rIns="0" bIns="0" anchor="t">
            <a:noAutofit/>
          </a:bodyPr>
          <a:lstStyle>
            <a:lvl1pPr algn="l">
              <a:buFontTx/>
              <a:buNone/>
              <a:defRPr sz="2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30434206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Left marble one third fill with no accent bar">
    <p:bg>
      <p:bgPr>
        <a:blipFill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opBar">
            <a:extLst>
              <a:ext uri="{FF2B5EF4-FFF2-40B4-BE49-F238E27FC236}">
                <a16:creationId xmlns:a16="http://schemas.microsoft.com/office/drawing/2014/main" id="{D2ED8A36-02C6-C4F8-837B-180B34F7682C}"/>
              </a:ext>
            </a:extLst>
          </p:cNvPr>
          <p:cNvSpPr txBox="1"/>
          <p:nvPr userDrawn="1"/>
        </p:nvSpPr>
        <p:spPr>
          <a:xfrm>
            <a:off x="475488" y="466344"/>
            <a:ext cx="1435608" cy="45720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6" name="PlaceholderTitle">
            <a:extLst>
              <a:ext uri="{FF2B5EF4-FFF2-40B4-BE49-F238E27FC236}">
                <a16:creationId xmlns:a16="http://schemas.microsoft.com/office/drawing/2014/main" id="{8F8E2FD1-4D13-6AA3-2117-B9FE8C8D2441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475488" y="3054096"/>
            <a:ext cx="2020824" cy="685800"/>
          </a:xfrm>
        </p:spPr>
        <p:txBody>
          <a:bodyPr vert="horz" wrap="square" lIns="0" tIns="0" rIns="0" bIns="0" anchor="t">
            <a:noAutofit/>
          </a:bodyPr>
          <a:lstStyle>
            <a:lvl1pPr algn="l">
              <a:buFontTx/>
              <a:buNone/>
              <a:defRPr sz="2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624790586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Marble fill with no accent bar">
    <p:bg>
      <p:bgPr>
        <a:blipFill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9464AC3-DFBC-7D11-4B0E-DD0A8101AD0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5" name="TopBar">
            <a:extLst>
              <a:ext uri="{FF2B5EF4-FFF2-40B4-BE49-F238E27FC236}">
                <a16:creationId xmlns:a16="http://schemas.microsoft.com/office/drawing/2014/main" id="{DF0E5F2D-E58E-57C6-E7F6-6157202ED37B}"/>
              </a:ext>
            </a:extLst>
          </p:cNvPr>
          <p:cNvSpPr txBox="1"/>
          <p:nvPr userDrawn="1"/>
        </p:nvSpPr>
        <p:spPr>
          <a:xfrm>
            <a:off x="475488" y="466344"/>
            <a:ext cx="1435608" cy="45720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>
              <a:solidFill>
                <a:schemeClr val="tx2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37131115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Half marble fill with accent bar">
    <p:bg>
      <p:bgPr>
        <a:blipFill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2CCCB10-3521-7DC3-3D99-154FA115D91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160602463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tags" Target="../tags/tag5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slideLayout" Target="../slideLayouts/slideLayout29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tags" Target="../tags/tag3.xml"/><Relationship Id="rId40" Type="http://schemas.openxmlformats.org/officeDocument/2006/relationships/image" Target="../media/image1.png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tags" Target="../tags/tag2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>
            <a:extLst>
              <a:ext uri="{FF2B5EF4-FFF2-40B4-BE49-F238E27FC236}">
                <a16:creationId xmlns:a16="http://schemas.microsoft.com/office/drawing/2014/main" id="{857B7E5E-9C79-378E-915D-D6DEC2DF016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75488" y="621792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t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>
            <a:extLst>
              <a:ext uri="{FF2B5EF4-FFF2-40B4-BE49-F238E27FC236}">
                <a16:creationId xmlns:a16="http://schemas.microsoft.com/office/drawing/2014/main" id="{A4ECD257-502F-F5A7-D13F-0D3B80D74BCA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475488" y="1737360"/>
            <a:ext cx="9107424" cy="5029200"/>
          </a:xfrm>
          <a:prstGeom prst="rect">
            <a:avLst/>
          </a:prstGeom>
        </p:spPr>
        <p:txBody>
          <a:bodyPr vert="horz" wrap="square" lIns="0" tIns="36576" rIns="36576" bIns="36576" rtlCol="0" anchor="t">
            <a:noAutofit/>
          </a:bodyPr>
          <a:lstStyle/>
          <a:p>
            <a:pPr marL="10160" lvl="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>
                  <a:lumMod val="100000"/>
                </a:schemeClr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sp>
        <p:nvSpPr>
          <p:cNvPr id="4" name="PageNumber">
            <a:extLst>
              <a:ext uri="{FF2B5EF4-FFF2-40B4-BE49-F238E27FC236}">
                <a16:creationId xmlns:a16="http://schemas.microsoft.com/office/drawing/2014/main" id="{54CE4BB5-42BB-3AB8-D91D-E580175BDF98}"/>
              </a:ext>
            </a:extLst>
          </p:cNvPr>
          <p:cNvSpPr txBox="1"/>
          <p:nvPr userDrawn="1"/>
        </p:nvSpPr>
        <p:spPr>
          <a:xfrm>
            <a:off x="9198864" y="7450696"/>
            <a:ext cx="384048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900" b="0" i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5" name="TopBar">
            <a:extLst>
              <a:ext uri="{FF2B5EF4-FFF2-40B4-BE49-F238E27FC236}">
                <a16:creationId xmlns:a16="http://schemas.microsoft.com/office/drawing/2014/main" id="{16499682-5083-0A20-E21F-8D14D957194F}"/>
              </a:ext>
            </a:extLst>
          </p:cNvPr>
          <p:cNvSpPr txBox="1"/>
          <p:nvPr userDrawn="1"/>
        </p:nvSpPr>
        <p:spPr>
          <a:xfrm>
            <a:off x="475488" y="466344"/>
            <a:ext cx="1435608" cy="45720"/>
          </a:xfrm>
          <a:prstGeom prst="rect">
            <a:avLst/>
          </a:prstGeom>
          <a:solidFill>
            <a:schemeClr val="bg2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6" name="ConfidentialInternal">
            <a:extLst>
              <a:ext uri="{FF2B5EF4-FFF2-40B4-BE49-F238E27FC236}">
                <a16:creationId xmlns:a16="http://schemas.microsoft.com/office/drawing/2014/main" id="{39222FE3-D49E-5493-9234-8D68DA5C8C91}"/>
              </a:ext>
            </a:extLst>
          </p:cNvPr>
          <p:cNvSpPr txBox="1"/>
          <p:nvPr userDrawn="1">
            <p:custDataLst>
              <p:tags r:id="rId36"/>
            </p:custDataLst>
          </p:nvPr>
        </p:nvSpPr>
        <p:spPr>
          <a:xfrm>
            <a:off x="2404872" y="402336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700" b="0" i="0" cap="all" spc="21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7" name="Confidential" hidden="1">
            <a:extLst>
              <a:ext uri="{FF2B5EF4-FFF2-40B4-BE49-F238E27FC236}">
                <a16:creationId xmlns:a16="http://schemas.microsoft.com/office/drawing/2014/main" id="{225F1693-6A8C-1345-5BD8-59CFE3A59F4E}"/>
              </a:ext>
            </a:extLst>
          </p:cNvPr>
          <p:cNvSpPr txBox="1"/>
          <p:nvPr userDrawn="1">
            <p:custDataLst>
              <p:tags r:id="rId37"/>
            </p:custDataLst>
          </p:nvPr>
        </p:nvSpPr>
        <p:spPr>
          <a:xfrm>
            <a:off x="2404872" y="24688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US" sz="700" b="0" i="0" cap="all" spc="21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8" name="SubsectionTrackerBottomRight">
            <a:extLst>
              <a:ext uri="{FF2B5EF4-FFF2-40B4-BE49-F238E27FC236}">
                <a16:creationId xmlns:a16="http://schemas.microsoft.com/office/drawing/2014/main" id="{80E5134C-2B63-8D90-21EE-FE785DFD238B}"/>
              </a:ext>
            </a:extLst>
          </p:cNvPr>
          <p:cNvSpPr txBox="1"/>
          <p:nvPr userDrawn="1"/>
        </p:nvSpPr>
        <p:spPr>
          <a:xfrm>
            <a:off x="9582847" y="7010431"/>
            <a:ext cx="65" cy="12490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>
              <a:solidFill>
                <a:schemeClr val="bg2"/>
              </a:solidFill>
              <a:latin typeface="Arial" panose="020B0604020202020204" pitchFamily="34" charset="0"/>
            </a:endParaRPr>
          </a:p>
        </p:txBody>
      </p:sp>
      <p:sp>
        <p:nvSpPr>
          <p:cNvPr id="9" name="SubsectionTrackerBottomLeft">
            <a:extLst>
              <a:ext uri="{FF2B5EF4-FFF2-40B4-BE49-F238E27FC236}">
                <a16:creationId xmlns:a16="http://schemas.microsoft.com/office/drawing/2014/main" id="{C2314E4A-4352-9375-C315-9D6637151092}"/>
              </a:ext>
            </a:extLst>
          </p:cNvPr>
          <p:cNvSpPr txBox="1"/>
          <p:nvPr userDrawn="1"/>
        </p:nvSpPr>
        <p:spPr>
          <a:xfrm>
            <a:off x="694879" y="7010431"/>
            <a:ext cx="65" cy="12490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>
              <a:solidFill>
                <a:schemeClr val="bg2"/>
              </a:solidFill>
              <a:latin typeface="Arial" panose="020B0604020202020204" pitchFamily="34" charset="0"/>
            </a:endParaRPr>
          </a:p>
        </p:txBody>
      </p:sp>
      <p:sp>
        <p:nvSpPr>
          <p:cNvPr id="10" name="SubsectionTrackerFooterCenter">
            <a:extLst>
              <a:ext uri="{FF2B5EF4-FFF2-40B4-BE49-F238E27FC236}">
                <a16:creationId xmlns:a16="http://schemas.microsoft.com/office/drawing/2014/main" id="{AD3C42C8-9820-1CB7-98ED-E1B452590FC1}"/>
              </a:ext>
            </a:extLst>
          </p:cNvPr>
          <p:cNvSpPr txBox="1"/>
          <p:nvPr userDrawn="1"/>
        </p:nvSpPr>
        <p:spPr>
          <a:xfrm>
            <a:off x="5230303" y="7577359"/>
            <a:ext cx="65" cy="12490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>
              <a:solidFill>
                <a:schemeClr val="bg2"/>
              </a:solidFill>
              <a:latin typeface="Arial" panose="020B0604020202020204" pitchFamily="34" charset="0"/>
            </a:endParaRPr>
          </a:p>
        </p:txBody>
      </p:sp>
      <p:sp>
        <p:nvSpPr>
          <p:cNvPr id="11" name="SubsectionTrackerTopRight">
            <a:extLst>
              <a:ext uri="{FF2B5EF4-FFF2-40B4-BE49-F238E27FC236}">
                <a16:creationId xmlns:a16="http://schemas.microsoft.com/office/drawing/2014/main" id="{327F3FDD-D4CE-1534-E2A0-169CB37AD0E3}"/>
              </a:ext>
            </a:extLst>
          </p:cNvPr>
          <p:cNvSpPr txBox="1"/>
          <p:nvPr userDrawn="1"/>
        </p:nvSpPr>
        <p:spPr>
          <a:xfrm>
            <a:off x="9582847" y="262159"/>
            <a:ext cx="65" cy="12490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>
              <a:solidFill>
                <a:schemeClr val="bg2"/>
              </a:solidFill>
              <a:latin typeface="Arial" panose="020B0604020202020204" pitchFamily="34" charset="0"/>
            </a:endParaRPr>
          </a:p>
        </p:txBody>
      </p:sp>
      <p:sp>
        <p:nvSpPr>
          <p:cNvPr id="12" name="SubsectionTrackerTopUnderWatermark">
            <a:extLst>
              <a:ext uri="{FF2B5EF4-FFF2-40B4-BE49-F238E27FC236}">
                <a16:creationId xmlns:a16="http://schemas.microsoft.com/office/drawing/2014/main" id="{5EEC70CE-6634-C359-DBB3-3E7465C1474B}"/>
              </a:ext>
            </a:extLst>
          </p:cNvPr>
          <p:cNvSpPr txBox="1"/>
          <p:nvPr userDrawn="1"/>
        </p:nvSpPr>
        <p:spPr>
          <a:xfrm>
            <a:off x="9582847" y="737647"/>
            <a:ext cx="65" cy="12490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>
              <a:solidFill>
                <a:schemeClr val="bg2"/>
              </a:solidFill>
              <a:latin typeface="Arial" panose="020B0604020202020204" pitchFamily="34" charset="0"/>
            </a:endParaRPr>
          </a:p>
        </p:txBody>
      </p:sp>
      <p:sp>
        <p:nvSpPr>
          <p:cNvPr id="13" name="SubsectionTrackerTopLeft">
            <a:extLst>
              <a:ext uri="{FF2B5EF4-FFF2-40B4-BE49-F238E27FC236}">
                <a16:creationId xmlns:a16="http://schemas.microsoft.com/office/drawing/2014/main" id="{87530C8E-5741-A187-4CE3-6D19E09BE901}"/>
              </a:ext>
            </a:extLst>
          </p:cNvPr>
          <p:cNvSpPr txBox="1"/>
          <p:nvPr userDrawn="1"/>
        </p:nvSpPr>
        <p:spPr>
          <a:xfrm>
            <a:off x="694879" y="298735"/>
            <a:ext cx="65" cy="12490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>
              <a:solidFill>
                <a:schemeClr val="bg2"/>
              </a:solidFill>
              <a:latin typeface="Arial" panose="020B0604020202020204" pitchFamily="34" charset="0"/>
            </a:endParaRPr>
          </a:p>
        </p:txBody>
      </p:sp>
      <p:sp>
        <p:nvSpPr>
          <p:cNvPr id="16" name="Background">
            <a:extLst>
              <a:ext uri="{FF2B5EF4-FFF2-40B4-BE49-F238E27FC236}">
                <a16:creationId xmlns:a16="http://schemas.microsoft.com/office/drawing/2014/main" id="{20068894-7813-E433-1FBA-40DA0A93AF4B}"/>
              </a:ext>
            </a:extLst>
          </p:cNvPr>
          <p:cNvSpPr txBox="1"/>
          <p:nvPr userDrawn="1"/>
        </p:nvSpPr>
        <p:spPr>
          <a:xfrm>
            <a:off x="0" y="7315200"/>
            <a:ext cx="10058400" cy="457200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17" name="ClientName">
            <a:extLst>
              <a:ext uri="{FF2B5EF4-FFF2-40B4-BE49-F238E27FC236}">
                <a16:creationId xmlns:a16="http://schemas.microsoft.com/office/drawing/2014/main" id="{F8D562AD-274C-D93C-BCBF-701FB2C88A44}"/>
              </a:ext>
            </a:extLst>
          </p:cNvPr>
          <p:cNvSpPr txBox="1"/>
          <p:nvPr userDrawn="1">
            <p:custDataLst>
              <p:tags r:id="rId38"/>
            </p:custDataLst>
          </p:nvPr>
        </p:nvSpPr>
        <p:spPr>
          <a:xfrm>
            <a:off x="4965192" y="7452360"/>
            <a:ext cx="4178808" cy="13716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US" sz="900" b="0" i="0" cap="all" spc="15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A30EF465-89CA-98A9-2844-ACDB816F0BA4}"/>
              </a:ext>
            </a:extLst>
          </p:cNvPr>
          <p:cNvSpPr>
            <a:spLocks noChangeAspect="1"/>
          </p:cNvSpPr>
          <p:nvPr userDrawn="1">
            <p:custDataLst>
              <p:tags r:id="rId39"/>
            </p:custDataLst>
          </p:nvPr>
        </p:nvSpPr>
        <p:spPr>
          <a:xfrm>
            <a:off x="475488" y="7470648"/>
            <a:ext cx="1050755" cy="146158"/>
          </a:xfrm>
          <a:prstGeom prst="rect">
            <a:avLst/>
          </a:prstGeom>
          <a:blipFill>
            <a:blip r:embed="rId40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  <p:sldLayoutId id="2147483674" r:id="rId26"/>
    <p:sldLayoutId id="2147483675" r:id="rId27"/>
    <p:sldLayoutId id="2147483676" r:id="rId28"/>
    <p:sldLayoutId id="2147483677" r:id="rId29"/>
    <p:sldLayoutId id="2147483678" r:id="rId30"/>
    <p:sldLayoutId id="2147483679" r:id="rId31"/>
    <p:sldLayoutId id="2147483680" r:id="rId32"/>
    <p:sldLayoutId id="2147483681" r:id="rId33"/>
    <p:sldLayoutId id="2147483682" r:id="rId34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22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0160" indent="-6985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182880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>
            <a:lumMod val="100000"/>
          </a:schemeClr>
        </a:buClr>
        <a:buSzPct val="92000"/>
        <a:buFont typeface="Wingdings" panose="05000000000000000000" pitchFamily="2" charset="2"/>
        <a:buChar char="l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384048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>
            <a:lumMod val="100000"/>
          </a:schemeClr>
        </a:buClr>
        <a:buSzPct val="92000"/>
        <a:buFont typeface="Wingdings" panose="05000000000000000000" pitchFamily="2" charset="2"/>
        <a:buChar char="l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557784" indent="-219456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>
            <a:lumMod val="100000"/>
          </a:schemeClr>
        </a:buClr>
        <a:buSzPct val="100000"/>
        <a:buFont typeface="Arial" panose="020B0604020202020204" pitchFamily="34" charset="0"/>
        <a:buChar char="-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73152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>
            <a:lumMod val="100000"/>
          </a:schemeClr>
        </a:buClr>
        <a:buSzPct val="100000"/>
        <a:buFont typeface="Arial" panose="020B0604020202020204" pitchFamily="34" charset="0"/>
        <a:buChar char="-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5pPr>
    </p:otherStyle>
  </p:txStyles>
  <p:extLst>
    <p:ext uri="{27BBF7A9-308A-43DC-89C8-2F10F3537804}">
      <p15:sldGuideLst xmlns:p15="http://schemas.microsoft.com/office/powerpoint/2012/main">
        <p15:guide id="1" orient="horz" pos="825" userDrawn="1">
          <p15:clr>
            <a:srgbClr val="F26B43"/>
          </p15:clr>
        </p15:guide>
        <p15:guide id="2" pos="299" userDrawn="1">
          <p15:clr>
            <a:srgbClr val="F26B43"/>
          </p15:clr>
        </p15:guide>
        <p15:guide id="3" pos="6038" userDrawn="1">
          <p15:clr>
            <a:srgbClr val="F26B43"/>
          </p15:clr>
        </p15:guide>
        <p15:guide id="4" orient="horz" pos="460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image" Target="../media/image1.png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png"/><Relationship Id="rId3" Type="http://schemas.openxmlformats.org/officeDocument/2006/relationships/image" Target="../media/image9.png"/><Relationship Id="rId7" Type="http://schemas.openxmlformats.org/officeDocument/2006/relationships/image" Target="../media/image13.png"/><Relationship Id="rId2" Type="http://schemas.openxmlformats.org/officeDocument/2006/relationships/slideLayout" Target="../slideLayouts/slideLayout16.xml"/><Relationship Id="rId1" Type="http://schemas.openxmlformats.org/officeDocument/2006/relationships/tags" Target="../tags/tag13.xml"/><Relationship Id="rId6" Type="http://schemas.openxmlformats.org/officeDocument/2006/relationships/image" Target="../media/image12.png"/><Relationship Id="rId5" Type="http://schemas.openxmlformats.org/officeDocument/2006/relationships/image" Target="../media/image11.png"/><Relationship Id="rId10" Type="http://schemas.openxmlformats.org/officeDocument/2006/relationships/hyperlink" Target="https://www.jpmorganchase.com/institute" TargetMode="External"/><Relationship Id="rId4" Type="http://schemas.openxmlformats.org/officeDocument/2006/relationships/image" Target="../media/image10.png"/><Relationship Id="rId9" Type="http://schemas.openxmlformats.org/officeDocument/2006/relationships/image" Target="../media/image15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slideLayout" Target="../slideLayouts/slideLayout24.xml"/><Relationship Id="rId1" Type="http://schemas.openxmlformats.org/officeDocument/2006/relationships/tags" Target="../tags/tag14.xml"/><Relationship Id="rId4" Type="http://schemas.openxmlformats.org/officeDocument/2006/relationships/image" Target="../media/image17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jpeg"/><Relationship Id="rId2" Type="http://schemas.openxmlformats.org/officeDocument/2006/relationships/slideLayout" Target="../slideLayouts/slideLayout24.xml"/><Relationship Id="rId1" Type="http://schemas.openxmlformats.org/officeDocument/2006/relationships/tags" Target="../tags/tag15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jpeg"/><Relationship Id="rId2" Type="http://schemas.openxmlformats.org/officeDocument/2006/relationships/slideLayout" Target="../slideLayouts/slideLayout24.xml"/><Relationship Id="rId1" Type="http://schemas.openxmlformats.org/officeDocument/2006/relationships/tags" Target="../tags/tag16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Layout" Target="../slideLayouts/slideLayout24.xml"/><Relationship Id="rId1" Type="http://schemas.openxmlformats.org/officeDocument/2006/relationships/tags" Target="../tags/tag17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7.xml"/><Relationship Id="rId1" Type="http://schemas.openxmlformats.org/officeDocument/2006/relationships/tags" Target="../tags/tag1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>
            <a:extLst>
              <a:ext uri="{FF2B5EF4-FFF2-40B4-BE49-F238E27FC236}">
                <a16:creationId xmlns:a16="http://schemas.microsoft.com/office/drawing/2014/main" id="{A6B04D80-87ED-ECA3-281C-2639CF9A0F2A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484632" y="475488"/>
            <a:ext cx="2304288" cy="329184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>
              <a:solidFill>
                <a:schemeClr val="tx2"/>
              </a:solidFill>
            </a:endParaRPr>
          </a:p>
        </p:txBody>
      </p:sp>
      <p:sp>
        <p:nvSpPr>
          <p:cNvPr id="2" name="PitchProTitleShape">
            <a:extLst>
              <a:ext uri="{FF2B5EF4-FFF2-40B4-BE49-F238E27FC236}">
                <a16:creationId xmlns:a16="http://schemas.microsoft.com/office/drawing/2014/main" id="{03224412-028E-8C54-26B0-B21F290FBA71}"/>
              </a:ext>
            </a:extLst>
          </p:cNvPr>
          <p:cNvSpPr>
            <a:spLocks noGrp="1"/>
          </p:cNvSpPr>
          <p:nvPr>
            <p:ph type="title" idx="10"/>
          </p:nvPr>
        </p:nvSpPr>
        <p:spPr>
          <a:xfrm>
            <a:off x="475488" y="2916936"/>
            <a:ext cx="9107424" cy="557784"/>
          </a:xfrm>
        </p:spPr>
        <p:txBody>
          <a:bodyPr/>
          <a:lstStyle/>
          <a:p>
            <a:r>
              <a:rPr lang="en-US" sz="3200"/>
              <a:t>Measuring Output with Private Sector Data:</a:t>
            </a:r>
            <a:br>
              <a:rPr lang="en-US" sz="3200"/>
            </a:br>
            <a:r>
              <a:rPr lang="en-US" sz="3200"/>
              <a:t>Opportunities, Challenges, and Outlook</a:t>
            </a:r>
          </a:p>
        </p:txBody>
      </p:sp>
      <p:sp>
        <p:nvSpPr>
          <p:cNvPr id="4" name="CoverPageDateText">
            <a:extLst>
              <a:ext uri="{FF2B5EF4-FFF2-40B4-BE49-F238E27FC236}">
                <a16:creationId xmlns:a16="http://schemas.microsoft.com/office/drawing/2014/main" id="{C452EC2E-5CA5-4C8D-27E7-374721AC57CF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475488" y="3703320"/>
            <a:ext cx="3008376" cy="365760"/>
          </a:xfrm>
        </p:spPr>
        <p:txBody>
          <a:bodyPr/>
          <a:lstStyle/>
          <a:p>
            <a:r>
              <a:rPr lang="en-US"/>
              <a:t>Chris Wheat, JPMorgan Chase Institute</a:t>
            </a:r>
          </a:p>
          <a:p>
            <a:endParaRPr lang="en-US"/>
          </a:p>
          <a:p>
            <a:r>
              <a:rPr lang="en-US" b="1"/>
              <a:t>Advancing Economic Measurement</a:t>
            </a:r>
          </a:p>
          <a:p>
            <a:r>
              <a:rPr lang="en-US"/>
              <a:t>National Bureau of Economic Research </a:t>
            </a:r>
          </a:p>
          <a:p>
            <a:r>
              <a:rPr lang="en-US"/>
              <a:t>November 13, 2025 </a:t>
            </a:r>
          </a:p>
          <a:p>
            <a:endParaRPr lang="en-US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35990346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57251C73-7672-F990-CEC1-850D6855B36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The JPMorgan Chase Institute is a global think tank dedicated </a:t>
            </a:r>
            <a:br>
              <a:rPr lang="en-US"/>
            </a:br>
            <a:r>
              <a:rPr lang="en-US"/>
              <a:t>to delivering data-rich analyses and expert insights for the public good 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82183B44-E9EB-E421-CF57-A71A3D4010B6}"/>
              </a:ext>
            </a:extLst>
          </p:cNvPr>
          <p:cNvSpPr/>
          <p:nvPr/>
        </p:nvSpPr>
        <p:spPr>
          <a:xfrm>
            <a:off x="351605" y="6113567"/>
            <a:ext cx="585368" cy="210835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0682" tIns="40341" rIns="80682" bIns="40341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 defTabSz="806867">
              <a:lnSpc>
                <a:spcPct val="110000"/>
              </a:lnSpc>
            </a:pPr>
            <a:endParaRPr lang="en-US" sz="1059">
              <a:solidFill>
                <a:srgbClr val="6D6E6A"/>
              </a:solidFill>
              <a:latin typeface="AmplitudeTF" panose="02000506050000020004" pitchFamily="50" charset="0"/>
              <a:ea typeface="LF_Kai"/>
              <a:cs typeface="Arial" panose="020B0604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E4CB9374-3F08-B9B2-5292-E61354855C3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83515" y="4175611"/>
            <a:ext cx="1135954" cy="564347"/>
          </a:xfrm>
          <a:prstGeom prst="rect">
            <a:avLst/>
          </a:prstGeom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2D0F78B5-F252-D36F-40E7-5E3522E5BEF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53919" y="5558015"/>
            <a:ext cx="1195147" cy="593754"/>
          </a:xfrm>
          <a:prstGeom prst="rect">
            <a:avLst/>
          </a:prstGeom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5BA5C4E1-B983-9843-7D03-75530F29CFC7}"/>
              </a:ext>
            </a:extLst>
          </p:cNvPr>
          <p:cNvPicPr>
            <a:picLocks noChangeAspect="1"/>
          </p:cNvPicPr>
          <p:nvPr/>
        </p:nvPicPr>
        <p:blipFill rotWithShape="1">
          <a:blip r:embed="rId5"/>
          <a:srcRect l="19577" r="19129" b="-2310"/>
          <a:stretch/>
        </p:blipFill>
        <p:spPr>
          <a:xfrm>
            <a:off x="472342" y="4830677"/>
            <a:ext cx="763868" cy="633437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9CDD3801-EC86-99B7-EEDA-4FB0372243C3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61026" y="6350615"/>
            <a:ext cx="1180933" cy="586692"/>
          </a:xfrm>
          <a:prstGeom prst="rect">
            <a:avLst/>
          </a:prstGeom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9FAD4988-6CF0-1919-ABAF-826059D965DE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57629" y="3388434"/>
            <a:ext cx="1187728" cy="589579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6CC7C89E-7906-8362-D299-7E7A512D4E4C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314321" y="2760215"/>
            <a:ext cx="1074344" cy="527582"/>
          </a:xfrm>
          <a:prstGeom prst="rect">
            <a:avLst/>
          </a:prstGeom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182E856E-051B-31C0-B437-0C4FB14EE522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364462" y="2120981"/>
            <a:ext cx="974059" cy="483916"/>
          </a:xfrm>
          <a:prstGeom prst="rect">
            <a:avLst/>
          </a:prstGeom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7988EC43-6261-0267-F77E-F4082A3936F5}"/>
              </a:ext>
            </a:extLst>
          </p:cNvPr>
          <p:cNvSpPr txBox="1"/>
          <p:nvPr/>
        </p:nvSpPr>
        <p:spPr>
          <a:xfrm>
            <a:off x="1098219" y="2137612"/>
            <a:ext cx="3659519" cy="820134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400" b="1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HOUSEHOLD INCOME &amp; SPENDING</a:t>
            </a:r>
          </a:p>
          <a:p>
            <a:pPr defTabSz="806867"/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Research focused on the income and expense dynamics of US consumers. </a:t>
            </a:r>
          </a:p>
          <a:p>
            <a:pPr defTabSz="806867"/>
            <a:endParaRPr lang="en-US" sz="1200">
              <a:solidFill>
                <a:srgbClr val="000000"/>
              </a:solidFill>
              <a:latin typeface="AmplitudeTF" panose="02000506050000020004" pitchFamily="50" charset="0"/>
              <a:ea typeface="LF_Kai"/>
              <a:cs typeface="Arial" panose="020B0604020202020204" pitchFamily="34" charset="0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182D6B0C-FB29-17E6-4565-62A01C1B2829}"/>
              </a:ext>
            </a:extLst>
          </p:cNvPr>
          <p:cNvSpPr txBox="1"/>
          <p:nvPr/>
        </p:nvSpPr>
        <p:spPr>
          <a:xfrm>
            <a:off x="644288" y="1775747"/>
            <a:ext cx="4113450" cy="327691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600" b="1">
                <a:solidFill>
                  <a:srgbClr val="2C79B0"/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RESEARCH THEMES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B0F802DB-9535-C952-BD58-B7BDB7C2C7C1}"/>
              </a:ext>
            </a:extLst>
          </p:cNvPr>
          <p:cNvSpPr txBox="1"/>
          <p:nvPr/>
        </p:nvSpPr>
        <p:spPr>
          <a:xfrm>
            <a:off x="1098219" y="5566619"/>
            <a:ext cx="3659519" cy="804745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400" b="1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SMALL &amp; MEDIUM-SIZED BUSINESS</a:t>
            </a:r>
          </a:p>
          <a:p>
            <a:pPr defTabSz="806867"/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Research focused on the financial volatility of business cash flow management, inflow and net flow, and overall health of US small </a:t>
            </a:r>
            <a:r>
              <a:rPr lang="en-US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&amp; medium sized </a:t>
            </a:r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businesses.</a:t>
            </a: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0CDB519A-F59B-2AB6-28C9-6A9035111883}"/>
              </a:ext>
            </a:extLst>
          </p:cNvPr>
          <p:cNvSpPr/>
          <p:nvPr/>
        </p:nvSpPr>
        <p:spPr>
          <a:xfrm>
            <a:off x="5293658" y="3734686"/>
            <a:ext cx="4291667" cy="2856614"/>
          </a:xfrm>
          <a:prstGeom prst="rect">
            <a:avLst/>
          </a:prstGeom>
          <a:solidFill>
            <a:srgbClr val="D2E7F6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806867"/>
            <a:endParaRPr lang="en-US" sz="971">
              <a:solidFill>
                <a:srgbClr val="FFFFFF">
                  <a:lumMod val="95000"/>
                </a:srgbClr>
              </a:solidFill>
              <a:latin typeface="AmplitudeTF" panose="02000506050000020004" pitchFamily="50" charset="0"/>
              <a:ea typeface="LF_Kai"/>
              <a:cs typeface="Arial" panose="020B0604020202020204" pitchFamily="34" charset="0"/>
            </a:endParaRP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05963B5C-1BF4-84DD-750F-1743E0232612}"/>
              </a:ext>
            </a:extLst>
          </p:cNvPr>
          <p:cNvSpPr txBox="1"/>
          <p:nvPr/>
        </p:nvSpPr>
        <p:spPr>
          <a:xfrm>
            <a:off x="1098220" y="6342815"/>
            <a:ext cx="3683346" cy="804745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400" b="1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HEALTHCARE</a:t>
            </a:r>
          </a:p>
          <a:p>
            <a:pPr defTabSz="806867"/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Research focused on out-of-pocket healthcare spending among US households to analyze the relationship between cash flows and healthcare expenditures.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08ADF742-7E71-782F-F027-0CA2D4FFCA2E}"/>
              </a:ext>
            </a:extLst>
          </p:cNvPr>
          <p:cNvSpPr txBox="1"/>
          <p:nvPr/>
        </p:nvSpPr>
        <p:spPr>
          <a:xfrm>
            <a:off x="1098219" y="2779822"/>
            <a:ext cx="3659519" cy="635468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400" b="1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HOUSEHOLD DEBT</a:t>
            </a:r>
          </a:p>
          <a:p>
            <a:pPr defTabSz="806867"/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Research focused on the various forms of household debt, including credit cards and mortgages. </a:t>
            </a: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A192F9ED-2EFE-FB9A-94E0-90FBFB07A768}"/>
              </a:ext>
            </a:extLst>
          </p:cNvPr>
          <p:cNvSpPr txBox="1"/>
          <p:nvPr/>
        </p:nvSpPr>
        <p:spPr>
          <a:xfrm>
            <a:off x="1098219" y="4882394"/>
            <a:ext cx="3659519" cy="635468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400" b="1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CITIES &amp; LOCAL COMMUNITIES</a:t>
            </a:r>
          </a:p>
          <a:p>
            <a:pPr defTabSz="806867"/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Research focused on local commerce, resident spending, and  the economic vibrancy of cities and local communities.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563C3414-0BF4-1EDA-35F4-6A3DE74A8BB8}"/>
              </a:ext>
            </a:extLst>
          </p:cNvPr>
          <p:cNvSpPr txBox="1"/>
          <p:nvPr/>
        </p:nvSpPr>
        <p:spPr>
          <a:xfrm>
            <a:off x="1098219" y="4237045"/>
            <a:ext cx="3659519" cy="635468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400" b="1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FINANCIAL MARKETS &amp; HOUSEHOLD WEALTH</a:t>
            </a:r>
          </a:p>
          <a:p>
            <a:pPr defTabSz="806867"/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Research focused on investor (institutional and household) behavior.</a:t>
            </a: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FA47907E-BAF7-5DD5-9EFE-739B1B0F1230}"/>
              </a:ext>
            </a:extLst>
          </p:cNvPr>
          <p:cNvSpPr txBox="1"/>
          <p:nvPr/>
        </p:nvSpPr>
        <p:spPr>
          <a:xfrm>
            <a:off x="1098220" y="3449806"/>
            <a:ext cx="3666524" cy="804745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400" b="1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LABOR MARKETS</a:t>
            </a:r>
          </a:p>
          <a:p>
            <a:pPr defTabSz="806867"/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Research focused on income from labor including labor market trends, growth of the Online Platform Economy, and the financial impacts of job loss.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9BFC5D1B-F01E-E830-9E52-6B999038B20A}"/>
              </a:ext>
            </a:extLst>
          </p:cNvPr>
          <p:cNvSpPr/>
          <p:nvPr/>
        </p:nvSpPr>
        <p:spPr>
          <a:xfrm>
            <a:off x="5303839" y="2097234"/>
            <a:ext cx="4279074" cy="1568361"/>
          </a:xfrm>
          <a:prstGeom prst="rect">
            <a:avLst/>
          </a:prstGeom>
          <a:solidFill>
            <a:srgbClr val="2475AD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806867"/>
            <a:endParaRPr lang="en-US" sz="971">
              <a:solidFill>
                <a:srgbClr val="FFFFFF">
                  <a:lumMod val="95000"/>
                </a:srgbClr>
              </a:solidFill>
              <a:latin typeface="AmplitudeTF" panose="02000506050000020004" pitchFamily="50" charset="0"/>
              <a:ea typeface="LF_Kai"/>
              <a:cs typeface="Arial" panose="020B0604020202020204" pitchFamily="34" charset="0"/>
            </a:endParaRP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262047F6-BE56-5077-4C8D-04E238D33C01}"/>
              </a:ext>
            </a:extLst>
          </p:cNvPr>
          <p:cNvSpPr txBox="1"/>
          <p:nvPr/>
        </p:nvSpPr>
        <p:spPr>
          <a:xfrm>
            <a:off x="5293658" y="1755030"/>
            <a:ext cx="3167847" cy="327691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600" b="1">
                <a:solidFill>
                  <a:srgbClr val="2C79B0"/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DATA</a:t>
            </a: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D0FB6E9B-74AC-D7C8-976A-5AD860848083}"/>
              </a:ext>
            </a:extLst>
          </p:cNvPr>
          <p:cNvSpPr txBox="1"/>
          <p:nvPr/>
        </p:nvSpPr>
        <p:spPr>
          <a:xfrm>
            <a:off x="5328966" y="2127279"/>
            <a:ext cx="3557340" cy="450802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200" b="1">
                <a:solidFill>
                  <a:srgbClr val="FFFFFF"/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THE JPMORGAN CHASE INSTITUTE LEVERAGES </a:t>
            </a:r>
          </a:p>
          <a:p>
            <a:pPr defTabSz="806867"/>
            <a:r>
              <a:rPr lang="en-US" sz="1200" b="1">
                <a:solidFill>
                  <a:srgbClr val="FFFFFF"/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DE-IDENTIFIED DATA FROM:</a:t>
            </a:r>
            <a:endParaRPr lang="en-US" sz="1000" b="1">
              <a:solidFill>
                <a:srgbClr val="FFFFFF"/>
              </a:solidFill>
              <a:latin typeface="AmplitudeTF" panose="02000506050000020004" pitchFamily="50" charset="0"/>
              <a:ea typeface="LF_Kai"/>
              <a:cs typeface="Arial" panose="020B0604020202020204" pitchFamily="34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6E1B8511-54AE-8594-80AC-F685A0DF9CF9}"/>
              </a:ext>
            </a:extLst>
          </p:cNvPr>
          <p:cNvSpPr txBox="1"/>
          <p:nvPr/>
        </p:nvSpPr>
        <p:spPr>
          <a:xfrm>
            <a:off x="5407063" y="3823780"/>
            <a:ext cx="4092214" cy="635468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400" b="1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INDIVIDUAL TRANSACTIONS</a:t>
            </a:r>
          </a:p>
          <a:p>
            <a:pPr defTabSz="806867"/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Information on amount, day and time, zip code, channel, and counterparty characteristics (2007 – one month prior to present)</a:t>
            </a: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ABB612A1-05CD-6F43-5D31-90EE76DB2AEA}"/>
              </a:ext>
            </a:extLst>
          </p:cNvPr>
          <p:cNvSpPr txBox="1"/>
          <p:nvPr/>
        </p:nvSpPr>
        <p:spPr>
          <a:xfrm>
            <a:off x="5407063" y="4465515"/>
            <a:ext cx="4092214" cy="799993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400" b="1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ACCOUNT LEVEL INFORMATION</a:t>
            </a:r>
          </a:p>
          <a:p>
            <a:pPr defTabSz="806867"/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Accounts held, activity frequency, and monthly balances (including deposit accounts, savings accounts, money market, credit card, mortgage and home equity loans, and auto loans)</a:t>
            </a:r>
            <a:endParaRPr lang="en-US" sz="1100">
              <a:solidFill>
                <a:srgbClr val="000000"/>
              </a:solidFill>
              <a:latin typeface="AmplitudeTF" panose="02000506050000020004" pitchFamily="50" charset="0"/>
              <a:ea typeface="LF_Kai"/>
              <a:cs typeface="Arial" panose="020B0604020202020204" pitchFamily="34" charset="0"/>
            </a:endParaRPr>
          </a:p>
        </p:txBody>
      </p:sp>
      <p:sp>
        <p:nvSpPr>
          <p:cNvPr id="29" name="TextBox 28">
            <a:extLst>
              <a:ext uri="{FF2B5EF4-FFF2-40B4-BE49-F238E27FC236}">
                <a16:creationId xmlns:a16="http://schemas.microsoft.com/office/drawing/2014/main" id="{CFEE73E4-6AD9-6556-2DAB-E4F20451A919}"/>
              </a:ext>
            </a:extLst>
          </p:cNvPr>
          <p:cNvSpPr txBox="1"/>
          <p:nvPr/>
        </p:nvSpPr>
        <p:spPr>
          <a:xfrm>
            <a:off x="5407063" y="5865273"/>
            <a:ext cx="4092214" cy="635468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400" b="1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INSTITUTIONAL INVESTORS</a:t>
            </a:r>
          </a:p>
          <a:p>
            <a:pPr defTabSz="806867"/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All types of institutional investors across all asset classes and regions globally</a:t>
            </a: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0184D6EB-32E6-CC68-CA29-AC65851B5646}"/>
              </a:ext>
            </a:extLst>
          </p:cNvPr>
          <p:cNvSpPr txBox="1"/>
          <p:nvPr/>
        </p:nvSpPr>
        <p:spPr>
          <a:xfrm>
            <a:off x="7986549" y="3207611"/>
            <a:ext cx="874324" cy="31166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defTabSz="806867">
              <a:lnSpc>
                <a:spcPct val="80000"/>
              </a:lnSpc>
            </a:pPr>
            <a:r>
              <a:rPr lang="en-US" sz="927" b="1">
                <a:solidFill>
                  <a:srgbClr val="FFFFFF"/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THOUSAND</a:t>
            </a:r>
          </a:p>
          <a:p>
            <a:pPr defTabSz="806867">
              <a:lnSpc>
                <a:spcPct val="80000"/>
              </a:lnSpc>
            </a:pPr>
            <a:r>
              <a:rPr lang="en-US" sz="927" b="1">
                <a:solidFill>
                  <a:srgbClr val="FFFFFF"/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INSTITUTIONAL INVESTORS</a:t>
            </a: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94DFA168-65C7-4B9A-A086-3514FDC21ACC}"/>
              </a:ext>
            </a:extLst>
          </p:cNvPr>
          <p:cNvSpPr txBox="1"/>
          <p:nvPr/>
        </p:nvSpPr>
        <p:spPr>
          <a:xfrm>
            <a:off x="5526835" y="2548507"/>
            <a:ext cx="688833" cy="528504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3600" b="1" i="0">
                <a:solidFill>
                  <a:schemeClr val="bg1"/>
                </a:solidFill>
                <a:latin typeface="AmplitudeTF" panose="02000506050000020004" pitchFamily="50" charset="0"/>
                <a:cs typeface="Arial" panose="020B0604020202020204" pitchFamily="34" charset="0"/>
              </a:rPr>
              <a:t>3.7</a:t>
            </a:r>
            <a:endParaRPr lang="en-US" sz="3600" b="1" i="0" baseline="30000">
              <a:solidFill>
                <a:schemeClr val="bg1"/>
              </a:solidFill>
              <a:latin typeface="AmplitudeTF" panose="02000506050000020004" pitchFamily="50" charset="0"/>
              <a:cs typeface="Arial" panose="020B0604020202020204" pitchFamily="34" charset="0"/>
            </a:endParaRPr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A9335995-EEED-D449-9B6F-39AA83890231}"/>
              </a:ext>
            </a:extLst>
          </p:cNvPr>
          <p:cNvSpPr txBox="1"/>
          <p:nvPr/>
        </p:nvSpPr>
        <p:spPr>
          <a:xfrm>
            <a:off x="7126743" y="3093983"/>
            <a:ext cx="1002074" cy="545097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3600" b="1" i="0">
                <a:solidFill>
                  <a:schemeClr val="bg1"/>
                </a:solidFill>
                <a:latin typeface="AmplitudeTF" panose="02000506050000020004" pitchFamily="50" charset="0"/>
                <a:cs typeface="Arial" panose="020B0604020202020204" pitchFamily="34" charset="0"/>
              </a:rPr>
              <a:t>300</a:t>
            </a:r>
            <a:endParaRPr lang="en-US" sz="3600" b="1" i="0" baseline="30000">
              <a:solidFill>
                <a:schemeClr val="bg1"/>
              </a:solidFill>
              <a:latin typeface="AmplitudeTF" panose="02000506050000020004" pitchFamily="50" charset="0"/>
              <a:cs typeface="Arial" panose="020B0604020202020204" pitchFamily="34" charset="0"/>
            </a:endParaRPr>
          </a:p>
        </p:txBody>
      </p:sp>
      <p:sp>
        <p:nvSpPr>
          <p:cNvPr id="33" name="TextBox 32">
            <a:extLst>
              <a:ext uri="{FF2B5EF4-FFF2-40B4-BE49-F238E27FC236}">
                <a16:creationId xmlns:a16="http://schemas.microsoft.com/office/drawing/2014/main" id="{C7DE848D-5D6B-9948-2B61-6E647A1422F4}"/>
              </a:ext>
            </a:extLst>
          </p:cNvPr>
          <p:cNvSpPr txBox="1"/>
          <p:nvPr/>
        </p:nvSpPr>
        <p:spPr>
          <a:xfrm>
            <a:off x="7779397" y="3106049"/>
            <a:ext cx="301401" cy="28161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200" b="1" i="0">
                <a:solidFill>
                  <a:schemeClr val="bg1"/>
                </a:solidFill>
                <a:latin typeface="AmplitudeTF" panose="02000506050000020004" pitchFamily="50" charset="0"/>
                <a:cs typeface="Arial" panose="020B0604020202020204" pitchFamily="34" charset="0"/>
              </a:rPr>
              <a:t>+</a:t>
            </a: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312D808A-54A5-445D-3369-D881C3CC67E1}"/>
              </a:ext>
            </a:extLst>
          </p:cNvPr>
          <p:cNvSpPr txBox="1"/>
          <p:nvPr/>
        </p:nvSpPr>
        <p:spPr>
          <a:xfrm>
            <a:off x="6084465" y="2574141"/>
            <a:ext cx="301401" cy="28161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200" b="1" i="0">
                <a:solidFill>
                  <a:schemeClr val="bg1"/>
                </a:solidFill>
                <a:latin typeface="AmplitudeTF" panose="02000506050000020004" pitchFamily="50" charset="0"/>
                <a:cs typeface="Arial" panose="020B0604020202020204" pitchFamily="34" charset="0"/>
              </a:rPr>
              <a:t>+</a:t>
            </a: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86C95C34-F31D-1CBC-B451-C28F614EF810}"/>
              </a:ext>
            </a:extLst>
          </p:cNvPr>
          <p:cNvSpPr txBox="1"/>
          <p:nvPr/>
        </p:nvSpPr>
        <p:spPr>
          <a:xfrm>
            <a:off x="5407063" y="3082292"/>
            <a:ext cx="849245" cy="568437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3600" b="1" i="0">
                <a:solidFill>
                  <a:schemeClr val="bg1"/>
                </a:solidFill>
                <a:latin typeface="AmplitudeTF" panose="02000506050000020004" pitchFamily="50" charset="0"/>
                <a:cs typeface="Arial" panose="020B0604020202020204" pitchFamily="34" charset="0"/>
              </a:rPr>
              <a:t>209</a:t>
            </a:r>
            <a:endParaRPr lang="en-US" sz="3600" b="1" i="0" baseline="30000">
              <a:solidFill>
                <a:schemeClr val="bg1"/>
              </a:solidFill>
              <a:latin typeface="AmplitudeTF" panose="02000506050000020004" pitchFamily="50" charset="0"/>
              <a:cs typeface="Arial" panose="020B0604020202020204" pitchFamily="34" charset="0"/>
            </a:endParaRPr>
          </a:p>
        </p:txBody>
      </p:sp>
      <p:sp>
        <p:nvSpPr>
          <p:cNvPr id="36" name="TextBox 35">
            <a:extLst>
              <a:ext uri="{FF2B5EF4-FFF2-40B4-BE49-F238E27FC236}">
                <a16:creationId xmlns:a16="http://schemas.microsoft.com/office/drawing/2014/main" id="{F778E7EF-0995-EDEC-0F8F-09973D20FFFB}"/>
              </a:ext>
            </a:extLst>
          </p:cNvPr>
          <p:cNvSpPr txBox="1"/>
          <p:nvPr/>
        </p:nvSpPr>
        <p:spPr>
          <a:xfrm>
            <a:off x="6084465" y="3094527"/>
            <a:ext cx="301401" cy="28161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200" b="1" i="0">
                <a:solidFill>
                  <a:schemeClr val="bg1"/>
                </a:solidFill>
                <a:latin typeface="AmplitudeTF" panose="02000506050000020004" pitchFamily="50" charset="0"/>
                <a:cs typeface="Arial" panose="020B0604020202020204" pitchFamily="34" charset="0"/>
              </a:rPr>
              <a:t>+</a:t>
            </a:r>
          </a:p>
        </p:txBody>
      </p:sp>
      <p:sp>
        <p:nvSpPr>
          <p:cNvPr id="37" name="TextBox 36">
            <a:extLst>
              <a:ext uri="{FF2B5EF4-FFF2-40B4-BE49-F238E27FC236}">
                <a16:creationId xmlns:a16="http://schemas.microsoft.com/office/drawing/2014/main" id="{9B3756AD-F3D1-0C67-2355-A2024F22E3F5}"/>
              </a:ext>
            </a:extLst>
          </p:cNvPr>
          <p:cNvSpPr txBox="1"/>
          <p:nvPr/>
        </p:nvSpPr>
        <p:spPr>
          <a:xfrm>
            <a:off x="5329600" y="2584342"/>
            <a:ext cx="301401" cy="28161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200" i="0">
                <a:solidFill>
                  <a:schemeClr val="bg1"/>
                </a:solidFill>
                <a:latin typeface="AmplitudeTF" panose="02000506050000020004" pitchFamily="50" charset="0"/>
                <a:cs typeface="Arial" panose="020B0604020202020204" pitchFamily="34" charset="0"/>
              </a:rPr>
              <a:t>$</a:t>
            </a:r>
          </a:p>
        </p:txBody>
      </p:sp>
      <p:sp>
        <p:nvSpPr>
          <p:cNvPr id="38" name="TextBox 37">
            <a:extLst>
              <a:ext uri="{FF2B5EF4-FFF2-40B4-BE49-F238E27FC236}">
                <a16:creationId xmlns:a16="http://schemas.microsoft.com/office/drawing/2014/main" id="{21A1FF6A-A433-ABDB-4A25-746A44403F30}"/>
              </a:ext>
            </a:extLst>
          </p:cNvPr>
          <p:cNvSpPr txBox="1"/>
          <p:nvPr/>
        </p:nvSpPr>
        <p:spPr>
          <a:xfrm>
            <a:off x="7217579" y="2551111"/>
            <a:ext cx="681357" cy="528504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3600" b="1" i="0">
                <a:solidFill>
                  <a:schemeClr val="bg1"/>
                </a:solidFill>
                <a:latin typeface="AmplitudeTF" panose="02000506050000020004" pitchFamily="50" charset="0"/>
                <a:cs typeface="Arial" panose="020B0604020202020204" pitchFamily="34" charset="0"/>
              </a:rPr>
              <a:t>7.3</a:t>
            </a:r>
            <a:endParaRPr lang="en-US" sz="3600" b="1" i="0" baseline="30000">
              <a:solidFill>
                <a:schemeClr val="bg1"/>
              </a:solidFill>
              <a:latin typeface="AmplitudeTF" panose="02000506050000020004" pitchFamily="50" charset="0"/>
              <a:cs typeface="Arial" panose="020B0604020202020204" pitchFamily="34" charset="0"/>
            </a:endParaRPr>
          </a:p>
        </p:txBody>
      </p:sp>
      <p:sp>
        <p:nvSpPr>
          <p:cNvPr id="39" name="TextBox 38">
            <a:extLst>
              <a:ext uri="{FF2B5EF4-FFF2-40B4-BE49-F238E27FC236}">
                <a16:creationId xmlns:a16="http://schemas.microsoft.com/office/drawing/2014/main" id="{8FFB04D4-257E-03CA-9CC2-913C3196295E}"/>
              </a:ext>
            </a:extLst>
          </p:cNvPr>
          <p:cNvSpPr txBox="1"/>
          <p:nvPr/>
        </p:nvSpPr>
        <p:spPr>
          <a:xfrm>
            <a:off x="6292418" y="2683187"/>
            <a:ext cx="770851" cy="402391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>
            <a:defPPr>
              <a:defRPr lang="en-US"/>
            </a:defPPr>
            <a:lvl1pPr defTabSz="806867">
              <a:defRPr sz="927">
                <a:solidFill>
                  <a:srgbClr val="FFFFFF"/>
                </a:solidFill>
                <a:latin typeface="Franklin Gothic Book" panose="020B0503020102020204" pitchFamily="34" charset="0"/>
                <a:ea typeface="LF_Kai"/>
              </a:defRPr>
            </a:lvl1pPr>
          </a:lstStyle>
          <a:p>
            <a:pPr>
              <a:lnSpc>
                <a:spcPct val="80000"/>
              </a:lnSpc>
            </a:pPr>
            <a:r>
              <a:rPr lang="en-US" b="1">
                <a:latin typeface="AmplitudeTF" panose="02000506050000020004" pitchFamily="50" charset="0"/>
                <a:cs typeface="Arial" panose="020B0604020202020204" pitchFamily="34" charset="0"/>
              </a:rPr>
              <a:t>TRILLION</a:t>
            </a:r>
          </a:p>
          <a:p>
            <a:pPr>
              <a:lnSpc>
                <a:spcPct val="80000"/>
              </a:lnSpc>
            </a:pPr>
            <a:r>
              <a:rPr lang="en-US" b="1">
                <a:latin typeface="AmplitudeTF" panose="02000506050000020004" pitchFamily="50" charset="0"/>
                <a:cs typeface="Arial" panose="020B0604020202020204" pitchFamily="34" charset="0"/>
              </a:rPr>
              <a:t>BALANCE</a:t>
            </a:r>
          </a:p>
          <a:p>
            <a:pPr>
              <a:lnSpc>
                <a:spcPct val="80000"/>
              </a:lnSpc>
            </a:pPr>
            <a:r>
              <a:rPr lang="en-US" b="1">
                <a:latin typeface="AmplitudeTF" panose="02000506050000020004" pitchFamily="50" charset="0"/>
                <a:cs typeface="Arial" panose="020B0604020202020204" pitchFamily="34" charset="0"/>
              </a:rPr>
              <a:t>SHEET</a:t>
            </a:r>
          </a:p>
        </p:txBody>
      </p:sp>
      <p:sp>
        <p:nvSpPr>
          <p:cNvPr id="40" name="TextBox 39">
            <a:extLst>
              <a:ext uri="{FF2B5EF4-FFF2-40B4-BE49-F238E27FC236}">
                <a16:creationId xmlns:a16="http://schemas.microsoft.com/office/drawing/2014/main" id="{6DFF95F4-060F-DF78-8AB3-1B1383EB395B}"/>
              </a:ext>
            </a:extLst>
          </p:cNvPr>
          <p:cNvSpPr txBox="1"/>
          <p:nvPr/>
        </p:nvSpPr>
        <p:spPr>
          <a:xfrm>
            <a:off x="6290529" y="3221683"/>
            <a:ext cx="887065" cy="47898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>
            <a:defPPr>
              <a:defRPr lang="en-US"/>
            </a:defPPr>
            <a:lvl1pPr defTabSz="806867">
              <a:defRPr sz="927">
                <a:solidFill>
                  <a:srgbClr val="FFFFFF"/>
                </a:solidFill>
                <a:latin typeface="Franklin Gothic Book" panose="020B0503020102020204" pitchFamily="34" charset="0"/>
                <a:ea typeface="LF_Kai"/>
              </a:defRPr>
            </a:lvl1pPr>
          </a:lstStyle>
          <a:p>
            <a:pPr>
              <a:lnSpc>
                <a:spcPct val="80000"/>
              </a:lnSpc>
            </a:pPr>
            <a:r>
              <a:rPr lang="en-US" b="1">
                <a:latin typeface="AmplitudeTF" panose="02000506050000020004" pitchFamily="50" charset="0"/>
                <a:cs typeface="Arial" panose="020B0604020202020204" pitchFamily="34" charset="0"/>
              </a:rPr>
              <a:t>MILLION</a:t>
            </a:r>
          </a:p>
          <a:p>
            <a:pPr>
              <a:lnSpc>
                <a:spcPct val="80000"/>
              </a:lnSpc>
            </a:pPr>
            <a:r>
              <a:rPr lang="en-US" b="1">
                <a:latin typeface="AmplitudeTF" panose="02000506050000020004" pitchFamily="50" charset="0"/>
                <a:cs typeface="Arial" panose="020B0604020202020204" pitchFamily="34" charset="0"/>
              </a:rPr>
              <a:t>RETAIL</a:t>
            </a:r>
          </a:p>
          <a:p>
            <a:pPr>
              <a:lnSpc>
                <a:spcPct val="80000"/>
              </a:lnSpc>
            </a:pPr>
            <a:r>
              <a:rPr lang="en-US" b="1">
                <a:latin typeface="AmplitudeTF" panose="02000506050000020004" pitchFamily="50" charset="0"/>
                <a:cs typeface="Arial" panose="020B0604020202020204" pitchFamily="34" charset="0"/>
              </a:rPr>
              <a:t>CUSTOMERS</a:t>
            </a:r>
          </a:p>
        </p:txBody>
      </p:sp>
      <p:sp>
        <p:nvSpPr>
          <p:cNvPr id="41" name="TextBox 40">
            <a:extLst>
              <a:ext uri="{FF2B5EF4-FFF2-40B4-BE49-F238E27FC236}">
                <a16:creationId xmlns:a16="http://schemas.microsoft.com/office/drawing/2014/main" id="{435A5381-6454-4A2B-29FF-FBBDBDE96CCA}"/>
              </a:ext>
            </a:extLst>
          </p:cNvPr>
          <p:cNvSpPr txBox="1"/>
          <p:nvPr/>
        </p:nvSpPr>
        <p:spPr>
          <a:xfrm>
            <a:off x="7996240" y="2683187"/>
            <a:ext cx="890065" cy="346744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defTabSz="806867">
              <a:lnSpc>
                <a:spcPct val="80000"/>
              </a:lnSpc>
            </a:pPr>
            <a:r>
              <a:rPr lang="en-US" sz="927" b="1">
                <a:solidFill>
                  <a:srgbClr val="FFFFFF"/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MILLION</a:t>
            </a:r>
          </a:p>
          <a:p>
            <a:pPr defTabSz="806867">
              <a:lnSpc>
                <a:spcPct val="80000"/>
              </a:lnSpc>
            </a:pPr>
            <a:r>
              <a:rPr lang="en-US" sz="927" b="1">
                <a:solidFill>
                  <a:srgbClr val="FFFFFF"/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SMALL</a:t>
            </a:r>
          </a:p>
          <a:p>
            <a:pPr defTabSz="806867">
              <a:lnSpc>
                <a:spcPct val="80000"/>
              </a:lnSpc>
            </a:pPr>
            <a:r>
              <a:rPr lang="en-US" sz="927" b="1">
                <a:solidFill>
                  <a:srgbClr val="FFFFFF"/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BUSINESSES</a:t>
            </a:r>
          </a:p>
        </p:txBody>
      </p:sp>
      <p:sp>
        <p:nvSpPr>
          <p:cNvPr id="42" name="TextBox 41">
            <a:extLst>
              <a:ext uri="{FF2B5EF4-FFF2-40B4-BE49-F238E27FC236}">
                <a16:creationId xmlns:a16="http://schemas.microsoft.com/office/drawing/2014/main" id="{A6246604-6B59-C512-D67C-55320AB4DD40}"/>
              </a:ext>
            </a:extLst>
          </p:cNvPr>
          <p:cNvSpPr txBox="1"/>
          <p:nvPr/>
        </p:nvSpPr>
        <p:spPr>
          <a:xfrm>
            <a:off x="7779397" y="2580101"/>
            <a:ext cx="301401" cy="28161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200" b="1" i="0">
                <a:solidFill>
                  <a:schemeClr val="bg1"/>
                </a:solidFill>
                <a:latin typeface="AmplitudeTF" panose="02000506050000020004" pitchFamily="50" charset="0"/>
                <a:cs typeface="Arial" panose="020B0604020202020204" pitchFamily="34" charset="0"/>
              </a:rPr>
              <a:t>+</a:t>
            </a:r>
          </a:p>
        </p:txBody>
      </p:sp>
      <p:sp>
        <p:nvSpPr>
          <p:cNvPr id="43" name="TextBox 42">
            <a:extLst>
              <a:ext uri="{FF2B5EF4-FFF2-40B4-BE49-F238E27FC236}">
                <a16:creationId xmlns:a16="http://schemas.microsoft.com/office/drawing/2014/main" id="{EABC6CCC-2DC6-E002-0006-37441DA46701}"/>
              </a:ext>
            </a:extLst>
          </p:cNvPr>
          <p:cNvSpPr txBox="1"/>
          <p:nvPr/>
        </p:nvSpPr>
        <p:spPr>
          <a:xfrm>
            <a:off x="5303839" y="6692413"/>
            <a:ext cx="3167847" cy="243053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050" i="1">
                <a:solidFill>
                  <a:schemeClr val="tx1">
                    <a:lumMod val="50000"/>
                    <a:lumOff val="50000"/>
                  </a:scheme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For more, visit </a:t>
            </a:r>
            <a:r>
              <a:rPr lang="en-US" sz="1050" i="1">
                <a:solidFill>
                  <a:srgbClr val="004376"/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  <a:hlinkClick r:id="rId10"/>
              </a:rPr>
              <a:t>jpmorganchase.com/institute</a:t>
            </a:r>
            <a:endParaRPr lang="en-US" sz="1050" i="1">
              <a:solidFill>
                <a:srgbClr val="004376"/>
              </a:solidFill>
              <a:latin typeface="AmplitudeTF" panose="02000506050000020004" pitchFamily="50" charset="0"/>
              <a:ea typeface="LF_Kai"/>
              <a:cs typeface="Arial" panose="020B0604020202020204" pitchFamily="34" charset="0"/>
            </a:endParaRPr>
          </a:p>
        </p:txBody>
      </p:sp>
      <p:sp>
        <p:nvSpPr>
          <p:cNvPr id="44" name="TextBox 43">
            <a:extLst>
              <a:ext uri="{FF2B5EF4-FFF2-40B4-BE49-F238E27FC236}">
                <a16:creationId xmlns:a16="http://schemas.microsoft.com/office/drawing/2014/main" id="{5164FE2E-40CC-3A79-DEEE-0126D555FBE7}"/>
              </a:ext>
            </a:extLst>
          </p:cNvPr>
          <p:cNvSpPr txBox="1"/>
          <p:nvPr/>
        </p:nvSpPr>
        <p:spPr>
          <a:xfrm>
            <a:off x="5407063" y="5349169"/>
            <a:ext cx="4583742" cy="466191"/>
          </a:xfrm>
          <a:prstGeom prst="rect">
            <a:avLst/>
          </a:prstGeom>
          <a:noFill/>
        </p:spPr>
        <p:txBody>
          <a:bodyPr vert="horz" wrap="square" lIns="80682" tIns="40341" rIns="80682" bIns="40341" rtlCol="0" anchor="t">
            <a:spAutoFit/>
          </a:bodyPr>
          <a:lstStyle/>
          <a:p>
            <a:pPr defTabSz="806867"/>
            <a:r>
              <a:rPr lang="en-US" sz="1400" b="1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DEMOGRAPHIC CHARACTERISTICS </a:t>
            </a:r>
            <a:br>
              <a:rPr lang="en-US" sz="1400">
                <a:solidFill>
                  <a:srgbClr val="000000">
                    <a:lumMod val="65000"/>
                    <a:lumOff val="35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</a:br>
            <a:r>
              <a:rPr lang="en-US" sz="1100">
                <a:solidFill>
                  <a:srgbClr val="000000">
                    <a:lumMod val="50000"/>
                    <a:lumOff val="50000"/>
                  </a:srgbClr>
                </a:solidFill>
                <a:latin typeface="AmplitudeTF" panose="02000506050000020004" pitchFamily="50" charset="0"/>
                <a:ea typeface="LF_Kai"/>
                <a:cs typeface="Arial" panose="020B0604020202020204" pitchFamily="34" charset="0"/>
              </a:rPr>
              <a:t>On an entirely deidentified sample: gender, banded age, and geography</a:t>
            </a:r>
            <a:endParaRPr lang="en-US" sz="1100">
              <a:solidFill>
                <a:srgbClr val="000000"/>
              </a:solidFill>
              <a:latin typeface="AmplitudeTF" panose="02000506050000020004" pitchFamily="50" charset="0"/>
              <a:ea typeface="LF_Kai"/>
              <a:cs typeface="Arial" panose="020B0604020202020204" pitchFamily="34" charset="0"/>
            </a:endParaRPr>
          </a:p>
        </p:txBody>
      </p:sp>
      <p:sp>
        <p:nvSpPr>
          <p:cNvPr id="45" name="PageNumber">
            <a:extLst>
              <a:ext uri="{FF2B5EF4-FFF2-40B4-BE49-F238E27FC236}">
                <a16:creationId xmlns:a16="http://schemas.microsoft.com/office/drawing/2014/main" id="{A810C067-76C3-2152-530C-CC0DBA2A1106}"/>
              </a:ext>
            </a:extLst>
          </p:cNvPr>
          <p:cNvSpPr txBox="1"/>
          <p:nvPr/>
        </p:nvSpPr>
        <p:spPr>
          <a:xfrm>
            <a:off x="9198864" y="7450696"/>
            <a:ext cx="384048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42461397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171B55ED-7C2F-FE55-DBB7-050D58CE1C4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Debit and credit card data could provide a granular and timely view of many (but not all) relevant components of consumer spending</a:t>
            </a:r>
          </a:p>
        </p:txBody>
      </p:sp>
      <p:sp>
        <p:nvSpPr>
          <p:cNvPr id="7" name="Subtitle 6">
            <a:extLst>
              <a:ext uri="{FF2B5EF4-FFF2-40B4-BE49-F238E27FC236}">
                <a16:creationId xmlns:a16="http://schemas.microsoft.com/office/drawing/2014/main" id="{0475D56C-419F-F968-DD5B-E8B2A2C213E6}"/>
              </a:ext>
            </a:extLst>
          </p:cNvPr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endParaRPr lang="en-US"/>
          </a:p>
        </p:txBody>
      </p:sp>
      <p:pic>
        <p:nvPicPr>
          <p:cNvPr id="2050" name="Picture 2">
            <a:extLst>
              <a:ext uri="{FF2B5EF4-FFF2-40B4-BE49-F238E27FC236}">
                <a16:creationId xmlns:a16="http://schemas.microsoft.com/office/drawing/2014/main" id="{9B2EA654-FB5A-FC26-7556-2E44DFF73A04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10790"/>
          <a:stretch/>
        </p:blipFill>
        <p:spPr bwMode="auto">
          <a:xfrm>
            <a:off x="5303838" y="2117736"/>
            <a:ext cx="4290248" cy="343510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4" name="Picture 6">
            <a:extLst>
              <a:ext uri="{FF2B5EF4-FFF2-40B4-BE49-F238E27FC236}">
                <a16:creationId xmlns:a16="http://schemas.microsoft.com/office/drawing/2014/main" id="{719B26B9-5EC6-BA08-EF27-DCC6F9B76C8D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10558"/>
          <a:stretch/>
        </p:blipFill>
        <p:spPr bwMode="auto">
          <a:xfrm>
            <a:off x="474663" y="2135577"/>
            <a:ext cx="4279074" cy="341726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TextBox 7">
            <a:extLst>
              <a:ext uri="{FF2B5EF4-FFF2-40B4-BE49-F238E27FC236}">
                <a16:creationId xmlns:a16="http://schemas.microsoft.com/office/drawing/2014/main" id="{2B250C93-4A97-B136-2F34-46BFAE35B49B}"/>
              </a:ext>
            </a:extLst>
          </p:cNvPr>
          <p:cNvSpPr txBox="1"/>
          <p:nvPr/>
        </p:nvSpPr>
        <p:spPr>
          <a:xfrm>
            <a:off x="479489" y="1811849"/>
            <a:ext cx="4278249" cy="611771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050" b="1" i="0">
                <a:solidFill>
                  <a:schemeClr val="tx2"/>
                </a:solidFill>
                <a:latin typeface="+mn-lt"/>
              </a:rPr>
              <a:t>Despite rapid growth during the summer of 2020, spending on general goods (e.g., department stores, large online retailers) declined notably in Q4 2020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786553CD-6D78-DF63-448C-6BBC09A982D9}"/>
              </a:ext>
            </a:extLst>
          </p:cNvPr>
          <p:cNvSpPr txBox="1"/>
          <p:nvPr/>
        </p:nvSpPr>
        <p:spPr>
          <a:xfrm>
            <a:off x="5309837" y="1811849"/>
            <a:ext cx="4278249" cy="611771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050" b="1" i="0">
                <a:solidFill>
                  <a:schemeClr val="tx2"/>
                </a:solidFill>
                <a:latin typeface="+mn-lt"/>
              </a:rPr>
              <a:t>With spending growth continuing to decline after October 2020, cities are seeing their lowest growth rates since before July 2020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129841861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FED80AC-95A1-37E8-5E80-7589200E6BA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Deposit accounts offer a granular view of individual income, and some information about jobs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0CF8F1AA-F3E1-C8CF-F1F4-D102F06783E4}"/>
              </a:ext>
            </a:extLst>
          </p:cNvPr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endParaRPr lang="en-US"/>
          </a:p>
        </p:txBody>
      </p:sp>
      <p:pic>
        <p:nvPicPr>
          <p:cNvPr id="3074" name="Picture 2">
            <a:extLst>
              <a:ext uri="{FF2B5EF4-FFF2-40B4-BE49-F238E27FC236}">
                <a16:creationId xmlns:a16="http://schemas.microsoft.com/office/drawing/2014/main" id="{3FD03A00-7246-93C1-6A6D-6ECA4DC1B35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6515" y="1899781"/>
            <a:ext cx="8925369" cy="532175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691140129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F97FC031-D2FB-ADB6-CB0C-8CF7D5225AA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Payments data provide a view of other output-relevant components of economic activity (e.g., small business expenses and revenues)</a:t>
            </a:r>
          </a:p>
        </p:txBody>
      </p:sp>
      <p:sp>
        <p:nvSpPr>
          <p:cNvPr id="6" name="Subtitle 5">
            <a:extLst>
              <a:ext uri="{FF2B5EF4-FFF2-40B4-BE49-F238E27FC236}">
                <a16:creationId xmlns:a16="http://schemas.microsoft.com/office/drawing/2014/main" id="{8D12FB95-20B2-8889-C63C-DAFC3BAF0576}"/>
              </a:ext>
            </a:extLst>
          </p:cNvPr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US"/>
              <a:t>Small restaurants rebounded in 2021 after being hit hard in 2020, while transportation and warehousing boomed in 2020 and later declined</a:t>
            </a:r>
          </a:p>
        </p:txBody>
      </p:sp>
      <p:pic>
        <p:nvPicPr>
          <p:cNvPr id="1026" name="Picture 2" descr="Revenues in some industries, such as restaurants, initially rebounded in 2021 and then stabilized.">
            <a:extLst>
              <a:ext uri="{FF2B5EF4-FFF2-40B4-BE49-F238E27FC236}">
                <a16:creationId xmlns:a16="http://schemas.microsoft.com/office/drawing/2014/main" id="{ADCECF2D-79B3-F7A9-5292-71346035E9B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46275" y="1993285"/>
            <a:ext cx="6565849" cy="525268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" name="PageNumber">
            <a:extLst>
              <a:ext uri="{FF2B5EF4-FFF2-40B4-BE49-F238E27FC236}">
                <a16:creationId xmlns:a16="http://schemas.microsoft.com/office/drawing/2014/main" id="{A06B4D06-324D-9DB4-E3C0-16E31D9BC86E}"/>
              </a:ext>
            </a:extLst>
          </p:cNvPr>
          <p:cNvSpPr txBox="1"/>
          <p:nvPr/>
        </p:nvSpPr>
        <p:spPr>
          <a:xfrm>
            <a:off x="9198864" y="7450696"/>
            <a:ext cx="384048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>
                <a:solidFill>
                  <a:schemeClr val="tx2"/>
                </a:solidFill>
                <a:latin typeface="Arial" panose="020B0604020202020204" pitchFamily="34" charset="0"/>
              </a:rPr>
              <a:t>3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60267768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461C1509-9A25-6EBA-DBAE-5C5153C7745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Payments data provide a view of other output-relevant components of economic activity (e.g., exports of midsize firms)</a:t>
            </a:r>
          </a:p>
        </p:txBody>
      </p:sp>
      <p:sp>
        <p:nvSpPr>
          <p:cNvPr id="6" name="Subtitle 5">
            <a:extLst>
              <a:ext uri="{FF2B5EF4-FFF2-40B4-BE49-F238E27FC236}">
                <a16:creationId xmlns:a16="http://schemas.microsoft.com/office/drawing/2014/main" id="{7602F219-D418-0B2F-B751-8B2835446F6E}"/>
              </a:ext>
            </a:extLst>
          </p:cNvPr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endParaRPr lang="en-US"/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709085C6-F917-9F2C-10C7-C71A3F8B442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74663" y="2064234"/>
            <a:ext cx="9107424" cy="4481430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986916408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A046A81-1049-5179-47E0-69FA08E0817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While private sector data have notable limitations, there are still relevant questions about their role in a future system of public statistic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2C30A244-E268-B1B7-7F9D-F33452BE3429}"/>
              </a:ext>
            </a:extLst>
          </p:cNvPr>
          <p:cNvSpPr>
            <a:spLocks noGrp="1"/>
          </p:cNvSpPr>
          <p:nvPr>
            <p:ph idx="10"/>
          </p:nvPr>
        </p:nvSpPr>
        <p:spPr/>
        <p:txBody>
          <a:bodyPr/>
          <a:lstStyle/>
          <a:p>
            <a:pPr marL="173736" lvl="1" indent="-173736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/>
              <a:t>Private data will likely </a:t>
            </a:r>
            <a:r>
              <a:rPr lang="en-US" i="1"/>
              <a:t>always</a:t>
            </a:r>
            <a:r>
              <a:rPr lang="en-US"/>
              <a:t> provide an incomplete view of the full US economy:</a:t>
            </a:r>
          </a:p>
          <a:p>
            <a:pPr marL="347472" lvl="2" indent="-173736">
              <a:buClr>
                <a:schemeClr val="bg1">
                  <a:lumMod val="50000"/>
                </a:schemeClr>
              </a:buClr>
              <a:buFont typeface="Wingdings" panose="05000000000000000000" pitchFamily="2" charset="2"/>
              <a:buChar char="l"/>
            </a:pPr>
            <a:r>
              <a:rPr lang="en-US"/>
              <a:t>Individual businesses do not have operating needs to measure all economically relevant constructs (total dollars spent vs. price &amp; quantity)</a:t>
            </a:r>
          </a:p>
          <a:p>
            <a:pPr marL="347472" lvl="2" indent="-173736">
              <a:buClr>
                <a:schemeClr val="bg1">
                  <a:lumMod val="50000"/>
                </a:schemeClr>
              </a:buClr>
              <a:buFont typeface="Wingdings" panose="05000000000000000000" pitchFamily="2" charset="2"/>
              <a:buChar char="l"/>
            </a:pPr>
            <a:r>
              <a:rPr lang="en-US"/>
              <a:t>Coverage will be limited to the specific markets and segments consistent with business strategy</a:t>
            </a:r>
          </a:p>
          <a:p>
            <a:pPr marL="347472" lvl="2" indent="-173736">
              <a:buClr>
                <a:schemeClr val="bg1">
                  <a:lumMod val="50000"/>
                </a:schemeClr>
              </a:buClr>
              <a:buFont typeface="Wingdings" panose="05000000000000000000" pitchFamily="2" charset="2"/>
              <a:buChar char="l"/>
            </a:pPr>
            <a:r>
              <a:rPr lang="en-US"/>
              <a:t>Operational considerations will limit the time coverage of available data and the consistency of data over time</a:t>
            </a:r>
          </a:p>
          <a:p>
            <a:pPr marL="173736" lvl="1" indent="-173736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/>
              <a:t>Data sharing must be consistent with private-sector profit objectives:</a:t>
            </a:r>
          </a:p>
          <a:p>
            <a:pPr marL="347472" lvl="2" indent="-173736">
              <a:buClr>
                <a:schemeClr val="bg1">
                  <a:lumMod val="50000"/>
                </a:schemeClr>
              </a:buClr>
              <a:buFont typeface="Wingdings" panose="05000000000000000000" pitchFamily="2" charset="2"/>
              <a:buChar char="l"/>
            </a:pPr>
            <a:r>
              <a:rPr lang="en-US"/>
              <a:t>Private sector data owners are at best willing share data in ways that limit risks to their core business</a:t>
            </a:r>
          </a:p>
          <a:p>
            <a:pPr marL="347472" lvl="2" indent="-173736">
              <a:buClr>
                <a:schemeClr val="bg1">
                  <a:lumMod val="50000"/>
                </a:schemeClr>
              </a:buClr>
              <a:buFont typeface="Wingdings" panose="05000000000000000000" pitchFamily="2" charset="2"/>
              <a:buChar char="l"/>
            </a:pPr>
            <a:r>
              <a:rPr lang="en-US"/>
              <a:t>Data sharing could also </a:t>
            </a:r>
          </a:p>
          <a:p>
            <a:pPr marL="173736" lvl="1" indent="-173736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endParaRPr lang="en-US"/>
          </a:p>
          <a:p>
            <a:pPr marL="173736" lvl="1" indent="-173736">
              <a:buClr>
                <a:schemeClr val="bg1">
                  <a:lumMod val="50000"/>
                </a:schemeClr>
              </a:buClr>
            </a:pPr>
            <a:endParaRPr lang="en-US"/>
          </a:p>
        </p:txBody>
      </p:sp>
      <p:sp>
        <p:nvSpPr>
          <p:cNvPr id="5" name="Content Placeholder 4">
            <a:extLst>
              <a:ext uri="{FF2B5EF4-FFF2-40B4-BE49-F238E27FC236}">
                <a16:creationId xmlns:a16="http://schemas.microsoft.com/office/drawing/2014/main" id="{649A5F37-1807-057D-B091-8299BD117CB0}"/>
              </a:ext>
            </a:extLst>
          </p:cNvPr>
          <p:cNvSpPr>
            <a:spLocks noGrp="1"/>
          </p:cNvSpPr>
          <p:nvPr>
            <p:ph sz="quarter" idx="11"/>
          </p:nvPr>
        </p:nvSpPr>
        <p:spPr/>
        <p:txBody>
          <a:bodyPr/>
          <a:lstStyle/>
          <a:p>
            <a:pPr marL="173736" lvl="1" indent="-173736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/>
              <a:t>Secular decreases in survey response and real declines in fiscal allocations could cause challenges to traditional economic statistics that outweigh the limitations of private sector data</a:t>
            </a:r>
          </a:p>
          <a:p>
            <a:pPr marL="173736" lvl="1" indent="-173736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 b="1"/>
              <a:t>Food for thought:</a:t>
            </a:r>
            <a:r>
              <a:rPr lang="en-US"/>
              <a:t> In a world where publicly economic statistics ceased to (materially) exist, what kinds of questions could economic planners answer with only private sector data?</a:t>
            </a:r>
          </a:p>
          <a:p>
            <a:pPr marL="347472" lvl="2" indent="-173736">
              <a:buClr>
                <a:schemeClr val="bg1">
                  <a:lumMod val="50000"/>
                </a:schemeClr>
              </a:buClr>
              <a:buFont typeface="Wingdings" panose="05000000000000000000" pitchFamily="2" charset="2"/>
              <a:buChar char="l"/>
            </a:pPr>
            <a:r>
              <a:rPr lang="en-US"/>
              <a:t>Could private data provide a relatively more useful view of local output / GDP, at least in some areas?</a:t>
            </a:r>
          </a:p>
          <a:p>
            <a:pPr marL="347472" lvl="2" indent="-173736">
              <a:buClr>
                <a:schemeClr val="bg1">
                  <a:lumMod val="50000"/>
                </a:schemeClr>
              </a:buClr>
              <a:buFont typeface="Wingdings" panose="05000000000000000000" pitchFamily="2" charset="2"/>
              <a:buChar char="l"/>
            </a:pPr>
            <a:r>
              <a:rPr lang="en-US"/>
              <a:t>What would happen if there were only higher quality data for denser &amp; wealthier geographies, and limited data for rural / poor geographies?</a:t>
            </a:r>
          </a:p>
          <a:p>
            <a:pPr marL="347472" lvl="2" indent="-173736">
              <a:buClr>
                <a:schemeClr val="bg1">
                  <a:lumMod val="50000"/>
                </a:schemeClr>
              </a:buClr>
              <a:buFont typeface="Wingdings" panose="05000000000000000000" pitchFamily="2" charset="2"/>
              <a:buChar char="l"/>
            </a:pPr>
            <a:r>
              <a:rPr lang="en-US"/>
              <a:t>Would economic planners focus on different outcomes with access to private sector data that measures different constructs?</a:t>
            </a:r>
          </a:p>
          <a:p>
            <a:pPr marL="173736" lvl="1" indent="-173736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endParaRPr lang="en-US"/>
          </a:p>
        </p:txBody>
      </p:sp>
      <p:sp>
        <p:nvSpPr>
          <p:cNvPr id="6" name="Subtitle 5">
            <a:extLst>
              <a:ext uri="{FF2B5EF4-FFF2-40B4-BE49-F238E27FC236}">
                <a16:creationId xmlns:a16="http://schemas.microsoft.com/office/drawing/2014/main" id="{090E8075-B138-FDCD-56A7-77840D1A2397}"/>
              </a:ext>
            </a:extLst>
          </p:cNvPr>
          <p:cNvSpPr>
            <a:spLocks noGrp="1"/>
          </p:cNvSpPr>
          <p:nvPr>
            <p:ph type="subTitle" sz="quarter" idx="12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A09D2411-8237-B30A-559E-2FB65ADA8108}"/>
              </a:ext>
            </a:extLst>
          </p:cNvPr>
          <p:cNvSpPr txBox="1"/>
          <p:nvPr/>
        </p:nvSpPr>
        <p:spPr>
          <a:xfrm>
            <a:off x="474663" y="1823681"/>
            <a:ext cx="2646878" cy="27975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200" b="1" i="0">
                <a:solidFill>
                  <a:schemeClr val="tx2"/>
                </a:solidFill>
                <a:latin typeface="+mn-lt"/>
              </a:rPr>
              <a:t>Limitations of Private Sector Data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967BD5DC-8D1A-700E-B359-277C8D555681}"/>
              </a:ext>
            </a:extLst>
          </p:cNvPr>
          <p:cNvSpPr txBox="1"/>
          <p:nvPr/>
        </p:nvSpPr>
        <p:spPr>
          <a:xfrm>
            <a:off x="5320202" y="1823681"/>
            <a:ext cx="2188420" cy="27975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200" b="1" i="0">
                <a:solidFill>
                  <a:schemeClr val="tx2"/>
                </a:solidFill>
                <a:latin typeface="+mn-lt"/>
              </a:rPr>
              <a:t>Considerations / Question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49718619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70BAajFLlNeJwHzUNtV2n9DWcu/yph2C/58CC2Vsww="/>
  <p:tag name="TEMPLATEVERSIONDATE" val="08/02/2025 17:51:59"/>
  <p:tag name="TEMPLATENAME" val="PitchPRO+"/>
  <p:tag name="PITCHPROPLUSDOCUMENTPROPERTIESGUID" val="ec5291ff-a9b3-489f-b176-52b7fd3532b4"/>
  <p:tag name="SLIDEMASTERBRANDLOGORIGHT" val="99.36"/>
  <p:tag name="SLIDEMASTERBRANDLOGOBOTTOM" val="600.48"/>
  <p:tag name="SLIDEMASTERBRANDLOGOHEIGHT" val="12.24"/>
  <p:tag name="SLIDEMASTERBRANDLOGOWIDTH" val="61.92"/>
  <p:tag name="PITCHPROSLIDECOUNT" val="7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ForceRefreshDisclaimer&gt;false&lt;/ForceRefreshDisclaimer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ec5291ff-a9b3-489f-b176-52b7fd3532b4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1"/>
  <p:tag name="PRESENTATIONID" val="ec5291ff-a9b3-489f-b176-52b7fd3532b4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4"/>
  <p:tag name="PRESENTATIONID" val="ec5291ff-a9b3-489f-b176-52b7fd3532b4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6"/>
  <p:tag name="PRESENTATIONID" val="ec5291ff-a9b3-489f-b176-52b7fd3532b4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2"/>
  <p:tag name="PRESENTATIONID" val="ec5291ff-a9b3-489f-b176-52b7fd3532b4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3"/>
  <p:tag name="PRESENTATIONID" val="ec5291ff-a9b3-489f-b176-52b7fd3532b4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5"/>
  <p:tag name="PRESENTATIONID" val="ec5291ff-a9b3-489f-b176-52b7fd3532b4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BrandLogo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B2GIB - Letter">
  <a:themeElements>
    <a:clrScheme name="PitchPRO+">
      <a:dk1>
        <a:srgbClr val="000000"/>
      </a:dk1>
      <a:lt1>
        <a:srgbClr val="FFFFFF"/>
      </a:lt1>
      <a:dk2>
        <a:srgbClr val="32383E"/>
      </a:dk2>
      <a:lt2>
        <a:srgbClr val="936946"/>
      </a:lt2>
      <a:accent1>
        <a:srgbClr val="1E7C99"/>
      </a:accent1>
      <a:accent2>
        <a:srgbClr val="DF6F26"/>
      </a:accent2>
      <a:accent3>
        <a:srgbClr val="041E42"/>
      </a:accent3>
      <a:accent4>
        <a:srgbClr val="9B57A3"/>
      </a:accent4>
      <a:accent5>
        <a:srgbClr val="B75530"/>
      </a:accent5>
      <a:accent6>
        <a:srgbClr val="358159"/>
      </a:accent6>
      <a:hlink>
        <a:srgbClr val="1E7C99"/>
      </a:hlink>
      <a:folHlink>
        <a:srgbClr val="005075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+mn-lt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32383E"/>
        </a:dk2>
        <a:lt2>
          <a:srgbClr val="936946"/>
        </a:lt2>
        <a:accent1>
          <a:srgbClr val="1E7C99"/>
        </a:accent1>
        <a:accent2>
          <a:srgbClr val="DF6F26"/>
        </a:accent2>
        <a:accent3>
          <a:srgbClr val="041E42"/>
        </a:accent3>
        <a:accent4>
          <a:srgbClr val="9B57A3"/>
        </a:accent4>
        <a:accent5>
          <a:srgbClr val="B75530"/>
        </a:accent5>
        <a:accent6>
          <a:srgbClr val="358159"/>
        </a:accent6>
        <a:hlink>
          <a:srgbClr val="1E7C99"/>
        </a:hlink>
        <a:folHlink>
          <a:srgbClr val="005075"/>
        </a:folHlink>
      </a:clrScheme>
    </a:extraClrScheme>
  </a:extraClrSchemeLst>
  <a:custClrLst>
    <a:custClr name="Brown 400. RGB(175,132,98)">
      <a:srgbClr val="AF8462"/>
    </a:custClr>
    <a:custClr name="Ruby 700. RGB(165,0,52)">
      <a:srgbClr val="A50034"/>
    </a:custClr>
    <a:custClr name="Dark Topaz. RGB(9,97,131)">
      <a:srgbClr val="096183"/>
    </a:custClr>
    <a:custClr name="Clementine. RGB(255,158,66)">
      <a:srgbClr val="FF9E42"/>
    </a:custClr>
    <a:custClr name="Navy. RGB(0,70,146)">
      <a:srgbClr val="004692"/>
    </a:custClr>
    <a:custClr name="Dark Quartz. RGB(131,49,119)">
      <a:srgbClr val="833177"/>
    </a:custClr>
    <a:custClr name="Brown. RGB(215,186,157)">
      <a:srgbClr val="D7BA9D"/>
    </a:custClr>
    <a:custClr name="Dark Emerald. RGB(0,75,38)">
      <a:srgbClr val="004B26"/>
    </a:custClr>
    <a:custClr name="Cyan. RGB(60,203,218)">
      <a:srgbClr val="3CCBDA"/>
    </a:custClr>
    <a:custClr name="Rose. RGB(244,153,141)">
      <a:srgbClr val="F4998D"/>
    </a:custClr>
    <a:custClr name="Jet. RGB(16,24,32)">
      <a:srgbClr val="101820"/>
    </a:custClr>
    <a:custClr name="Topaz 200. RGB(157,229,236)">
      <a:srgbClr val="9DE5EC"/>
    </a:custClr>
    <a:custClr name="Brown 300. RGB(215,186,157)">
      <a:srgbClr val="D7BA9D"/>
    </a:custClr>
    <a:custClr name="Clementine 200. RGB(255,187,122)">
      <a:srgbClr val="FFBB7A"/>
    </a:custClr>
    <a:custClr name="Clay 200. RGB(231,179,160)">
      <a:srgbClr val="E7B3A0"/>
    </a:custClr>
    <a:custClr name="Ruby 300. RGB(237,175,195)">
      <a:srgbClr val="EDAFC3"/>
    </a:custClr>
    <a:custClr name="Blue 300. RGB(134,197,250)">
      <a:srgbClr val="86C5FA"/>
    </a:custClr>
    <a:custClr name="Quartz 300. RGB(213,181,231)">
      <a:srgbClr val="D5B5E7"/>
    </a:custClr>
    <a:custClr name="Emerald 300. RGB(126,205,186)">
      <a:srgbClr val="7ECDBA"/>
    </a:custClr>
    <a:custClr name="Map Grey. RGB(221,220,219)">
      <a:srgbClr val="DDDCDB"/>
    </a:custClr>
    <a:custClr name="Ruby 700. RGB(165,0,52)">
      <a:srgbClr val="A50034"/>
    </a:custClr>
    <a:custClr name="Gold 300. RGB(241,180,52)">
      <a:srgbClr val="F1B434"/>
    </a:custClr>
    <a:custClr name="Emerald 500. RGB(53,129,89)">
      <a:srgbClr val="358159"/>
    </a:custClr>
    <a:custClr name="Marble. RGB(245,247,248)">
      <a:srgbClr val="F5F7F8"/>
    </a:custClr>
    <a:custClr name="Limestone. RGB(250,248,242)">
      <a:srgbClr val="FAF8F2"/>
    </a:custClr>
    <a:custClr name="Titanium. RGB(226,228,229)">
      <a:srgbClr val="E2E4E5"/>
    </a:custClr>
    <a:custClr name="Charcoal. RGB(71,76,80)">
      <a:srgbClr val="474C50"/>
    </a:custClr>
    <a:custClr name="Topaz 400. RGB(43,154,179)">
      <a:srgbClr val="2B9AB3"/>
    </a:custClr>
    <a:custClr name="Topaz 700. RGB(0,80,117)">
      <a:srgbClr val="005075"/>
    </a:custClr>
    <a:custClr name="Tan USWM. RGB(205,167,136)">
      <a:srgbClr val="CDA788"/>
    </a:custClr>
  </a:custClrLst>
  <a:extLst>
    <a:ext uri="{05A4C25C-085E-4340-85A3-A5531E510DB2}">
      <thm15:themeFamily xmlns:thm15="http://schemas.microsoft.com/office/thememl/2012/main" name="dfd590af-1c66-43e6-94b9-0bdbfd4efb6d.potx" id="{1E8AB9E2-FEBD-4F61-9E7A-DA83F4F796CA}" vid="{CDFC53AA-52A6-470C-9990-071A34EFC63E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B2GIB_Letter</Template>
  <TotalTime>0</TotalTime>
  <Words>757</Words>
  <Application>Microsoft Office PowerPoint</Application>
  <PresentationFormat>Custom</PresentationFormat>
  <Paragraphs>77</Paragraphs>
  <Slides>7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12" baseType="lpstr">
      <vt:lpstr>AmplitudeTF</vt:lpstr>
      <vt:lpstr>Arial</vt:lpstr>
      <vt:lpstr>LF_Kai</vt:lpstr>
      <vt:lpstr>Wingdings</vt:lpstr>
      <vt:lpstr>PP+ UB2GIB - Letter</vt:lpstr>
      <vt:lpstr>Measuring Output with Private Sector Data: Opportunities, Challenges, and Outlook</vt:lpstr>
      <vt:lpstr>The JPMorgan Chase Institute is a global think tank dedicated  to delivering data-rich analyses and expert insights for the public good </vt:lpstr>
      <vt:lpstr>Debit and credit card data could provide a granular and timely view of many (but not all) relevant components of consumer spending</vt:lpstr>
      <vt:lpstr>Deposit accounts offer a granular view of individual income, and some information about jobs</vt:lpstr>
      <vt:lpstr>Payments data provide a view of other output-relevant components of economic activity (e.g., small business expenses and revenues)</vt:lpstr>
      <vt:lpstr>Payments data provide a view of other output-relevant components of economic activity (e.g., exports of midsize firms)</vt:lpstr>
      <vt:lpstr>While private sector data have notable limitations, there are still relevant questions about their role in a future system of public statistics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Measuring Output with Private Sector Data: Opportunities, Challenges, and Outlook</dc:title>
  <dc:creator>Sarmiento, Camila</dc:creator>
  <cp:lastModifiedBy>Robert Shannon</cp:lastModifiedBy>
  <cp:revision>2</cp:revision>
  <dcterms:created xsi:type="dcterms:W3CDTF">2025-11-12T16:24:59Z</dcterms:created>
  <dcterms:modified xsi:type="dcterms:W3CDTF">2025-11-17T13:24:27Z</dcterms:modified>
</cp:coreProperties>
</file>